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codeName="{1AED2BDD-1FA3-CEF2-32D4-FBADEFEB71EE}"/>
  <workbookPr codeName="ThisWorkbook" defaultThemeVersion="124226"/>
  <mc:AlternateContent xmlns:mc="http://schemas.openxmlformats.org/markup-compatibility/2006">
    <mc:Choice Requires="x15">
      <x15ac:absPath xmlns:x15ac="http://schemas.microsoft.com/office/spreadsheetml/2010/11/ac" url="\\Sfp.idir.bcgov\s140\S40006\ESD\EIS\WSI\78300-90-DataSystems\ExcelDataCaptureTemplates\2021-Nov-WorkingFiles-Calvin(Re)publishingTemplates\"/>
    </mc:Choice>
  </mc:AlternateContent>
  <xr:revisionPtr revIDLastSave="0" documentId="13_ncr:1_{243F07BE-C0BA-4D69-BF2A-A6E6874F92A1}" xr6:coauthVersionLast="44" xr6:coauthVersionMax="44" xr10:uidLastSave="{00000000-0000-0000-0000-000000000000}"/>
  <bookViews>
    <workbookView xWindow="34890" yWindow="585" windowWidth="13905" windowHeight="14040" tabRatio="809" activeTab="2" xr2:uid="{00000000-000D-0000-FFFF-FFFF00000000}"/>
  </bookViews>
  <sheets>
    <sheet name="Project Information" sheetId="4" r:id="rId1"/>
    <sheet name="Sample Station Information" sheetId="5" r:id="rId2"/>
    <sheet name="Bird Nest Descriptions" sheetId="6" r:id="rId3"/>
    <sheet name="Tree Descriptions" sheetId="11" r:id="rId4"/>
    <sheet name="Site &amp; Incidental Observations" sheetId="7" r:id="rId5"/>
    <sheet name="Predefined Columns and Codes" sheetId="8" r:id="rId6"/>
    <sheet name="User-defined Columns and Codes" sheetId="9" r:id="rId7"/>
    <sheet name="tempUserValuesPicklists" sheetId="10" state="hidden" r:id="rId8"/>
  </sheets>
  <functionGroups builtInGroupCount="19"/>
  <definedNames>
    <definedName name="_xlnm._FilterDatabase" localSheetId="5" hidden="1">'Predefined Columns and Codes'!$A$1:$F$873</definedName>
    <definedName name="_xlnm._FilterDatabase" localSheetId="6" hidden="1">'User-defined Columns and Codes'!$A$1:$E$2</definedName>
    <definedName name="_xlnm.Print_Titles" localSheetId="5">'Predefined Columns and Codes'!$1:$1</definedName>
  </definedNames>
  <calcPr calcId="145621"/>
</workbook>
</file>

<file path=xl/comments1.xml><?xml version="1.0" encoding="utf-8"?>
<comments xmlns="http://schemas.openxmlformats.org/spreadsheetml/2006/main" xmlns:mc="http://schemas.openxmlformats.org/markup-compatibility/2006" xmlns:xr="http://schemas.microsoft.com/office/spreadsheetml/2014/revision" mc:Ignorable="xr">
  <authors>
    <author>Calvin Tolkamp</author>
  </authors>
  <commentList>
    <comment ref="L2" authorId="0" shapeId="0" xr:uid="{00000000-0006-0000-0200-000001000000}">
      <text>
        <r>
          <rPr>
            <sz val="9"/>
            <color indexed="81"/>
            <rFont val="Tahoma"/>
            <charset val="1"/>
          </rPr>
          <t>Use these coordinate columns for coordinates of individual observations only. Double-click on the column name to see more information.</t>
        </r>
      </text>
    </comment>
    <comment ref="M2" authorId="0" shapeId="0" xr:uid="{00000000-0006-0000-0200-000002000000}">
      <text>
        <r>
          <rPr>
            <sz val="9"/>
            <color indexed="81"/>
            <rFont val="Tahoma"/>
            <charset val="1"/>
          </rPr>
          <t>Use these coordinate columns for coordinates of individual observations only. Double-click on the column name to see more information.</t>
        </r>
      </text>
    </comment>
    <comment ref="N2" authorId="0" shapeId="0" xr:uid="{00000000-0006-0000-0200-000003000000}">
      <text>
        <r>
          <rPr>
            <sz val="9"/>
            <color indexed="81"/>
            <rFont val="Tahoma"/>
            <charset val="1"/>
          </rPr>
          <t>Use these coordinate columns for coordinates of individual observations only. Double-click on the column name to see more information.</t>
        </r>
      </text>
    </comment>
    <comment ref="O2" authorId="0" shapeId="0" xr:uid="{00000000-0006-0000-0200-000004000000}">
      <text>
        <r>
          <rPr>
            <sz val="9"/>
            <color indexed="81"/>
            <rFont val="Tahoma"/>
            <charset val="1"/>
          </rPr>
          <t>Use these coordinate columns for coordinates of individual observations only. Double-click on the column name to see more information.</t>
        </r>
      </text>
    </comment>
    <comment ref="P2" authorId="0" shapeId="0" xr:uid="{00000000-0006-0000-0200-000005000000}">
      <text>
        <r>
          <rPr>
            <sz val="9"/>
            <color indexed="81"/>
            <rFont val="Tahoma"/>
            <charset val="1"/>
          </rPr>
          <t>Use these coordinate columns for coordinates of individual observations only. Double-click on the column name to see more information.</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Calvin Tolkamp</author>
  </authors>
  <commentList>
    <comment ref="L2" authorId="0" shapeId="0" xr:uid="{00000000-0006-0000-0300-000001000000}">
      <text>
        <r>
          <rPr>
            <sz val="9"/>
            <color indexed="81"/>
            <rFont val="Tahoma"/>
            <charset val="1"/>
          </rPr>
          <t>Use these coordinate columns for coordinates of individual observations only. Double-click on the column name to see more information.</t>
        </r>
      </text>
    </comment>
    <comment ref="M2" authorId="0" shapeId="0" xr:uid="{00000000-0006-0000-0300-000002000000}">
      <text>
        <r>
          <rPr>
            <sz val="9"/>
            <color indexed="81"/>
            <rFont val="Tahoma"/>
            <family val="2"/>
          </rPr>
          <t>Use these coordinate columns for coordinates of individual observations only. Double-click on the column name to see more information.</t>
        </r>
      </text>
    </comment>
    <comment ref="N2" authorId="0" shapeId="0" xr:uid="{00000000-0006-0000-0300-000003000000}">
      <text>
        <r>
          <rPr>
            <sz val="9"/>
            <color indexed="81"/>
            <rFont val="Tahoma"/>
            <family val="2"/>
          </rPr>
          <t>Use these coordinate columns for coordinates of individual observations only. Double-click on the column name to see more information.</t>
        </r>
      </text>
    </comment>
    <comment ref="O2" authorId="0" shapeId="0" xr:uid="{00000000-0006-0000-0300-000004000000}">
      <text>
        <r>
          <rPr>
            <sz val="9"/>
            <color indexed="81"/>
            <rFont val="Tahoma"/>
            <family val="2"/>
          </rPr>
          <t>Use these coordinate columns for coordinates of individual observations only. Double-click on the column name to see more information.</t>
        </r>
      </text>
    </comment>
    <comment ref="P2" authorId="0" shapeId="0" xr:uid="{00000000-0006-0000-0300-000005000000}">
      <text>
        <r>
          <rPr>
            <sz val="9"/>
            <color indexed="81"/>
            <rFont val="Tahoma"/>
            <family val="2"/>
          </rPr>
          <t>Use these coordinate columns for coordinates of individual observations only. Double-click on the column name to see more information.</t>
        </r>
      </text>
    </comment>
  </commentList>
</comments>
</file>

<file path=xl/sharedStrings.xml><?xml version="1.0" encoding="utf-8"?>
<sst xmlns="http://schemas.openxmlformats.org/spreadsheetml/2006/main" count="4359" uniqueCount="1450">
  <si>
    <t>SPI Project ID</t>
  </si>
  <si>
    <t>Project Name</t>
  </si>
  <si>
    <t>Survey Name</t>
  </si>
  <si>
    <t>Survey Intensity Code</t>
  </si>
  <si>
    <t>Study Area Name</t>
  </si>
  <si>
    <t>Study Area Photos</t>
  </si>
  <si>
    <t>Sample Station Label</t>
  </si>
  <si>
    <t>UTM Zone Sample Station</t>
  </si>
  <si>
    <t>Easting Sample Station</t>
  </si>
  <si>
    <t>Northing Sample Station</t>
  </si>
  <si>
    <t>Longitude Sample Station (DD)</t>
  </si>
  <si>
    <t>Latitude Sample Station (DD)</t>
  </si>
  <si>
    <t>Sample Station Comments</t>
  </si>
  <si>
    <t>Sample Station Photos</t>
  </si>
  <si>
    <t>Insert Predefined Sample Station Column</t>
  </si>
  <si>
    <t>Stratum Label</t>
  </si>
  <si>
    <t>Stratum Description</t>
  </si>
  <si>
    <t>Date</t>
  </si>
  <si>
    <t>Time</t>
  </si>
  <si>
    <t>End Time</t>
  </si>
  <si>
    <t>Insert Predefined Sample Station Visit Column</t>
  </si>
  <si>
    <t>Insert Predefined Sampling Condition Column</t>
  </si>
  <si>
    <t>Observation #</t>
  </si>
  <si>
    <t>Surveyor</t>
  </si>
  <si>
    <t>Species Code</t>
  </si>
  <si>
    <t>Count</t>
  </si>
  <si>
    <t>Survey Observation Photos</t>
  </si>
  <si>
    <t>Animal ID</t>
  </si>
  <si>
    <t>UTM Zone</t>
  </si>
  <si>
    <t>Easting</t>
  </si>
  <si>
    <t>Northing</t>
  </si>
  <si>
    <t>Longitude (DD)</t>
  </si>
  <si>
    <t>Latitude (DD)</t>
  </si>
  <si>
    <t>Spatial Accuracy (m)</t>
  </si>
  <si>
    <t>Comments</t>
  </si>
  <si>
    <t>Insert Predefined Survey Observation Column</t>
  </si>
  <si>
    <t>Insert Predefined Mark Column</t>
  </si>
  <si>
    <t>Add your new column here</t>
  </si>
  <si>
    <t>Nest Label</t>
  </si>
  <si>
    <t>Nest Microsite Code</t>
  </si>
  <si>
    <t>Support Structure Code</t>
  </si>
  <si>
    <t>Tree Label</t>
  </si>
  <si>
    <t>Nest Type Code</t>
  </si>
  <si>
    <t>Nest Height (m)</t>
  </si>
  <si>
    <t>Nest Aspect Code</t>
  </si>
  <si>
    <t>Nest Material</t>
  </si>
  <si>
    <t>Nest Condition Code</t>
  </si>
  <si>
    <t>Entry Diameter (cm)</t>
  </si>
  <si>
    <t>Nest Interior Diam (cm)</t>
  </si>
  <si>
    <t>Nest Exterior Diam (cm)</t>
  </si>
  <si>
    <t>Link Label</t>
  </si>
  <si>
    <t>Observer First Name</t>
  </si>
  <si>
    <t>Observer Last Name</t>
  </si>
  <si>
    <t>Info About Observer</t>
  </si>
  <si>
    <t>Location</t>
  </si>
  <si>
    <t>Site Access Instructions</t>
  </si>
  <si>
    <t>Habitat Description</t>
  </si>
  <si>
    <t>Site Description Photos</t>
  </si>
  <si>
    <t>Site Comments</t>
  </si>
  <si>
    <t>Insert Predefined Site Description Column</t>
  </si>
  <si>
    <t>Date &amp; Time</t>
  </si>
  <si>
    <t>Activity Code</t>
  </si>
  <si>
    <t>Activity Descriptor Code</t>
  </si>
  <si>
    <t>Activity Count</t>
  </si>
  <si>
    <t>Adult Males</t>
  </si>
  <si>
    <t>Adult Females</t>
  </si>
  <si>
    <t>Adults - Unclassified Sex</t>
  </si>
  <si>
    <t>Juvenile Males</t>
  </si>
  <si>
    <t>Juvenile Females</t>
  </si>
  <si>
    <t>Juveniles - Unclassified Sex</t>
  </si>
  <si>
    <t>Unclassified Life Stage and Sex</t>
  </si>
  <si>
    <t>Eggs</t>
  </si>
  <si>
    <t>Egg Masses</t>
  </si>
  <si>
    <t>Larvae</t>
  </si>
  <si>
    <t>Pupae</t>
  </si>
  <si>
    <t>Vegetation Layer Code</t>
  </si>
  <si>
    <t>Percent Cover</t>
  </si>
  <si>
    <t>Area (sq m)</t>
  </si>
  <si>
    <t>Plants</t>
  </si>
  <si>
    <t>Incidental Observation Photos</t>
  </si>
  <si>
    <t>Insert Predefined Incidental Observation Column</t>
  </si>
  <si>
    <t>Add your new column here._x000D_
INSTRUCTIONS: In this column, and beyond, you can add your own columns. Be sure to define your columns and associated codes in worksheet 'User-defined Columns and Codes'. But, first review the existing columns and codes that are in worksheet 'Predefined Columns and Codes' to see if they will suffice.</t>
  </si>
  <si>
    <t>You may insert additional predefined columns and codes relevant to Incidental Observations._x000D_
INSTRUCTIONS: Double-click on the column header again now (while Data-entry Assistant is open) to insert predefined columns and codes relevant to Incidental Observations.</t>
  </si>
  <si>
    <t>Incidental Observation</t>
  </si>
  <si>
    <t>Informative comments and/or notes about photos, or other Standard Digital Files, associated with an Incidental Observation.</t>
  </si>
  <si>
    <t>Informative comments about the observation.</t>
  </si>
  <si>
    <t>The number of plants  observed or detected.</t>
  </si>
  <si>
    <t>The size of a circumscribed area occupied by a species, in square metres.</t>
  </si>
  <si>
    <t>The percentage of the ground surface, of a plot or area occupied, covered when a species' aboveground-vegetation is projected vertically onto the ground.</t>
  </si>
  <si>
    <t>Epiphyte layer</t>
  </si>
  <si>
    <t>EPIPHYTE</t>
  </si>
  <si>
    <t>A code indicating the vegetation layer that the plant species was found in, e.g., HERB.</t>
  </si>
  <si>
    <t>Moss layer</t>
  </si>
  <si>
    <t>MOSS</t>
  </si>
  <si>
    <t>Herb layer</t>
  </si>
  <si>
    <t>HERB</t>
  </si>
  <si>
    <t>Shrub layer</t>
  </si>
  <si>
    <t>SHRUB</t>
  </si>
  <si>
    <t>Tree layer</t>
  </si>
  <si>
    <t>TREE</t>
  </si>
  <si>
    <t>Snow</t>
  </si>
  <si>
    <t>S</t>
  </si>
  <si>
    <t>A code indicating the type of precipitation during an Incidental Observation, e.g., D.</t>
  </si>
  <si>
    <t>IO Precipitation Code</t>
  </si>
  <si>
    <t>Puddles form quickly, &gt; 2.5 mm rain per hour.</t>
  </si>
  <si>
    <t>Hard Rain</t>
  </si>
  <si>
    <t>HR</t>
  </si>
  <si>
    <t>Puddles not forming quickly, &lt; 2.5 mm rain per hour.</t>
  </si>
  <si>
    <t>Light Rain</t>
  </si>
  <si>
    <t>LR</t>
  </si>
  <si>
    <t>Fine rain drops (&lt; 0.5 mm diameter),  visible on ground.</t>
  </si>
  <si>
    <t>Drizzle</t>
  </si>
  <si>
    <t>D</t>
  </si>
  <si>
    <t>No distinct rain drops but can dampen clothing.</t>
  </si>
  <si>
    <t>Misty Drizzle</t>
  </si>
  <si>
    <t>M</t>
  </si>
  <si>
    <t>Reduced visibility, like a cloud.</t>
  </si>
  <si>
    <t>Foggy</t>
  </si>
  <si>
    <t>F</t>
  </si>
  <si>
    <t>No Precipitation</t>
  </si>
  <si>
    <t>N</t>
  </si>
  <si>
    <t>Unbroken cloud cover</t>
  </si>
  <si>
    <t>Unbroken clouds</t>
  </si>
  <si>
    <t>A code indicating the extent of cloud cover during an Incidental Observation, e.g., 2.</t>
  </si>
  <si>
    <t>IO Cloud Cover Code</t>
  </si>
  <si>
    <t>Scattered clouds covering more than 50% of sky</t>
  </si>
  <si>
    <t>Scattered  (&gt;50%)</t>
  </si>
  <si>
    <t>Scattered clouds covering less than 50% of sky</t>
  </si>
  <si>
    <t>Scattered (&lt;50%)</t>
  </si>
  <si>
    <t>Clear sky; no clouds</t>
  </si>
  <si>
    <t>Clear</t>
  </si>
  <si>
    <t>Large branches moving, wind whistling ( 40 - 50 km/h )</t>
  </si>
  <si>
    <t>Strong Breeze</t>
  </si>
  <si>
    <t>A code indicating the strength of the wind during an Incidental Observation, using the Beaufort Scale, e.g. 1.</t>
  </si>
  <si>
    <t>IO Wind Speed Code</t>
  </si>
  <si>
    <t>Small trees sway ( 30 - 39 km/h )</t>
  </si>
  <si>
    <t>Fresh Breeze</t>
  </si>
  <si>
    <t>Small branches move, dust rises ( 20 - 29 km/h )</t>
  </si>
  <si>
    <t>Moderate Breeze</t>
  </si>
  <si>
    <t>Leaves and twigs constantly move ( 13 - 19 km/h )</t>
  </si>
  <si>
    <t>Gentle Breeze</t>
  </si>
  <si>
    <t>Leaves rustle ( 6 - 12 km/h )</t>
  </si>
  <si>
    <t>Light Breeze</t>
  </si>
  <si>
    <t>2 - 5 km/h</t>
  </si>
  <si>
    <t>Light Air</t>
  </si>
  <si>
    <t>Less than 2 km/h</t>
  </si>
  <si>
    <t>Calm</t>
  </si>
  <si>
    <t>The air temperature in degrees Celsius during an Incidental Observation, e.g., 15.</t>
  </si>
  <si>
    <t>IO Air Temp (C)</t>
  </si>
  <si>
    <t>The number of pupae observed or detected.</t>
  </si>
  <si>
    <t>The number of larvae observed or detected._x000D_
For Survey Observations prior to December 2015, and for Incidental Observations prior to May 2013, larvae were included in the definition of juveniles.</t>
  </si>
  <si>
    <t>The number of egg masses observed or detected.</t>
  </si>
  <si>
    <t>The number of eggs observed or detected.</t>
  </si>
  <si>
    <t>The number of unknown age individuals of unknown sex  observed or detected.</t>
  </si>
  <si>
    <t>The number of juveniles of unknown sex observed or detected._x000D_
Juveniles are defined as 'fledged birds before their first winter, mammals older than neonates but still requiring parental care, and reptiles and amphibians of adult form that are significantly smaller than adult size.'_x000D_
For Survey Observations prior to December 2015, and for Incidental Observations prior to May 2013, the definition of juveniles included larvae (e.g. tadpoles).</t>
  </si>
  <si>
    <t>The number of juvenile females observed or detected._x000D_
Juveniles are defined as 'fledged birds before their first winter, mammals older than neonates but still requiring parental care, and reptiles and amphibians of adult form that are significantly smaller than adult size.'_x000D_
For Survey Observations prior to December 2015, and for Incidental Observations prior to May 2013, the definition of juveniles included larvae (e.g. tadpoles).</t>
  </si>
  <si>
    <t>The number of juvenile males observed or detected._x000D_
Juveniles are defined as 'fledged birds before their first winter, mammals older than neonates but still requiring parental care, and reptiles and amphibians of adult form that are significantly smaller than adult size.'_x000D_
For Survey Observations prior to December 2015, and for Incidental Observations prior to May 2013, the definition of juveniles included larvae (e.g. tadpoles).</t>
  </si>
  <si>
    <t>The number of adults of unknown sex observed or detected.</t>
  </si>
  <si>
    <t>The number of adult females observed or detected.</t>
  </si>
  <si>
    <t>The number of adult males observed or detected.</t>
  </si>
  <si>
    <t>The number of animals doing the activity, or the number of sign made by the activity.</t>
  </si>
  <si>
    <t>Sign is from the Winter season</t>
  </si>
  <si>
    <t>Winter season</t>
  </si>
  <si>
    <t>W</t>
  </si>
  <si>
    <t>A code indicating whether an animal was seen or heard doing an activity, or gives the probable age or season of the sign caused by an activity, e.g., S.</t>
  </si>
  <si>
    <t>Sign is from the Growing season</t>
  </si>
  <si>
    <t>Growing season</t>
  </si>
  <si>
    <t>G</t>
  </si>
  <si>
    <t>Undetermined (age of sign is unknown)</t>
  </si>
  <si>
    <t>Undetermined</t>
  </si>
  <si>
    <t>U</t>
  </si>
  <si>
    <t>Sign is Old ( &gt; 1 year old)</t>
  </si>
  <si>
    <t>Old</t>
  </si>
  <si>
    <t>O</t>
  </si>
  <si>
    <t>Sign is less than 1 Year old but greater than 1 week old</t>
  </si>
  <si>
    <t>Year</t>
  </si>
  <si>
    <t>Y</t>
  </si>
  <si>
    <t>Fresh sign ( &lt;1 week old)</t>
  </si>
  <si>
    <t>Fresh</t>
  </si>
  <si>
    <t>The live animal was Heard</t>
  </si>
  <si>
    <t>Heard</t>
  </si>
  <si>
    <t>H</t>
  </si>
  <si>
    <t>The live animal was Seen</t>
  </si>
  <si>
    <t>Seen</t>
  </si>
  <si>
    <t>Urinating</t>
  </si>
  <si>
    <t>UR</t>
  </si>
  <si>
    <t>A code indicating the activity of an animal when it was first detected or the activity that caused the sign, e.g. GR._x000D_
INSTRUCTIONS: If observing a group then record the exact, sub sampled, or guesstimated mode activity of all the individuals in the group.</t>
  </si>
  <si>
    <t>Traveling by a method other than flying, swimming, walking, or running; if purpose of traveling is known, use a more specific activity such as fleeing or migrating.</t>
  </si>
  <si>
    <t>Traveling, Other</t>
  </si>
  <si>
    <t>TO</t>
  </si>
  <si>
    <t>Traveling by flying. TF is used when the purpose of flying is not known. If the purpose of the flying is known then use a more specific description such as hunting.</t>
  </si>
  <si>
    <t>Traveling, Flying</t>
  </si>
  <si>
    <t>TF</t>
  </si>
  <si>
    <t>Traveling by swimming. TS is used when the specific purpose of swimming is not known. If the purpose of the swimming is known then use a more specific activity such as fleeing.</t>
  </si>
  <si>
    <t>Traveling, Swimming</t>
  </si>
  <si>
    <t>TS</t>
  </si>
  <si>
    <t>Walking on a trail that is embedded in the ground due to animals walking the same route for many years.</t>
  </si>
  <si>
    <t>Traveling on a Path</t>
  </si>
  <si>
    <t>TP</t>
  </si>
  <si>
    <t>Traveling by running. TR is used when the specific purpose of running is not known. If the purpose of the running is known then use a more specific activity such as disturbed or fleeing.</t>
  </si>
  <si>
    <t>Traveling, Running</t>
  </si>
  <si>
    <t>TR</t>
  </si>
  <si>
    <t>Traveling by walking. TW is used when the purpose of walking is not known. If the purpose of the walking is known then use a more specific description such as migrating; does not include traveling on a path</t>
  </si>
  <si>
    <t>Traveling, Walking</t>
  </si>
  <si>
    <t>TW</t>
  </si>
  <si>
    <t>Travelling, but the method and purpose of traveling could not be or is not classified. TU is often used when individual tracks are observed, or in telemetry Surveys when it is only important to distinguish whether or not the animal was travelling.</t>
  </si>
  <si>
    <t>Traveling, Unclassified</t>
  </si>
  <si>
    <t>TU</t>
  </si>
  <si>
    <t>Not travelling. NT is typically used in telemetry Surveys when it is only important to distinguish whether or not the animal was travelling.</t>
  </si>
  <si>
    <t>Not Travelling</t>
  </si>
  <si>
    <t>NT</t>
  </si>
  <si>
    <t>Behaviour for the purpose of marking or defending a territory; may include singing, drumming, winnowing, howling</t>
  </si>
  <si>
    <t>Territoriality</t>
  </si>
  <si>
    <t>TE</t>
  </si>
  <si>
    <t>Using habitat for its security and thermal values</t>
  </si>
  <si>
    <t>Security and Thermal</t>
  </si>
  <si>
    <t>ST</t>
  </si>
  <si>
    <t>Using habitat for protection or hiding from predators.</t>
  </si>
  <si>
    <t>Security Habitat</t>
  </si>
  <si>
    <t>SH</t>
  </si>
  <si>
    <t>Animals using habitat for the purpose of protecting themselves from heat, cold, or precipitation</t>
  </si>
  <si>
    <t>Thermal Habitat</t>
  </si>
  <si>
    <t>TH</t>
  </si>
  <si>
    <t>Standing; used when the specific purpose of standing is not known. If the purpose of standing is know then use a more specific activity such as alert or feeding.</t>
  </si>
  <si>
    <t>Standing</t>
  </si>
  <si>
    <t>SA</t>
  </si>
  <si>
    <t>Adults feeding neonates and juveniles.</t>
  </si>
  <si>
    <t>Rearing</t>
  </si>
  <si>
    <t>RR</t>
  </si>
  <si>
    <t>Laying eggs (amphibians, reptiles and birds), building a nest, and feeding non-mobile young</t>
  </si>
  <si>
    <t>Reproducing, eggs</t>
  </si>
  <si>
    <t>RE</t>
  </si>
  <si>
    <t>Giving birth to live young; preparing a birthing site, such as a den</t>
  </si>
  <si>
    <t>Reproducing, birthing</t>
  </si>
  <si>
    <t>RB</t>
  </si>
  <si>
    <t>Traveling that is a regular annual activity. E.g. seeing an elk or a Sandhill Crane on its migration route, or seeing a snake traveling away from a communal habitat such as a hibernaculum.</t>
  </si>
  <si>
    <t>Migrating Seasonally</t>
  </si>
  <si>
    <t>MS</t>
  </si>
  <si>
    <t>Traveling that is a regular daily activity; includes traveling to or away from a communal habitat. E.g. seeing a bat on its daily flight to or from a roosting site.</t>
  </si>
  <si>
    <t>Migrating Daily</t>
  </si>
  <si>
    <t>MD</t>
  </si>
  <si>
    <t>Activity that could not be classified due to ignorance or the activity being too diverse.</t>
  </si>
  <si>
    <t>Living</t>
  </si>
  <si>
    <t>LI</t>
  </si>
  <si>
    <t>Incubating, protecting, or laying eggs.</t>
  </si>
  <si>
    <t>Incubating</t>
  </si>
  <si>
    <t>IN</t>
  </si>
  <si>
    <t>Ingesting minerals by eating or licking a substance for the purpose of ingesting minerals.</t>
  </si>
  <si>
    <t>Ingesting Minerals</t>
  </si>
  <si>
    <t>IM</t>
  </si>
  <si>
    <t>Searching for, pursuing, and killing prey. For animals which hunt and eat simultaneously, such as grazers, browsers, and flying insectivores, the activity is recorded as eating</t>
  </si>
  <si>
    <t>Hunting</t>
  </si>
  <si>
    <t>HU</t>
  </si>
  <si>
    <t>Hibernating</t>
  </si>
  <si>
    <t>HI</t>
  </si>
  <si>
    <t>Behaviour for the purpose of arranging and protecting the fur, feathers, skin, etc. Includes scratching and rubbing of antler velvet.</t>
  </si>
  <si>
    <t>Grooming</t>
  </si>
  <si>
    <t>GR</t>
  </si>
  <si>
    <t>Feeding on salmonds during a salmonid run</t>
  </si>
  <si>
    <t>Feeding, salmonid</t>
  </si>
  <si>
    <t>FS</t>
  </si>
  <si>
    <t>Hurried movement to avoid a conspecifics or other animal; does not include fleeing to avoid the observer.</t>
  </si>
  <si>
    <t>Fleeing</t>
  </si>
  <si>
    <t>FL</t>
  </si>
  <si>
    <t>Consuming food items. Does not include hunting, except when animals hunt and eat simultaneously, such as grazers, browsers, and flying insectivores.</t>
  </si>
  <si>
    <t>Feeding</t>
  </si>
  <si>
    <t>FD</t>
  </si>
  <si>
    <t>Discharging waste through the anus.</t>
  </si>
  <si>
    <t>Excreting</t>
  </si>
  <si>
    <t>EX</t>
  </si>
  <si>
    <t>Drinking</t>
  </si>
  <si>
    <t>DR</t>
  </si>
  <si>
    <t>Behaviour for the purpose of avoiding the observer; use only if the activity before disturbance is not known.</t>
  </si>
  <si>
    <t>Disturbed</t>
  </si>
  <si>
    <t>DI</t>
  </si>
  <si>
    <t>The activity is described in the comments field. Note: Describing the data in comments rather than using a predefined code may reduce the clarity and accessibility of data.</t>
  </si>
  <si>
    <t>Described in Comments</t>
  </si>
  <si>
    <t>DC</t>
  </si>
  <si>
    <t>Sleeping or hiding in a cavity, cave, or burrow; does not include hibernating.</t>
  </si>
  <si>
    <t>Denning</t>
  </si>
  <si>
    <t>DE</t>
  </si>
  <si>
    <t>A carcass, or portions of a carcass, that indicates the animal is dead</t>
  </si>
  <si>
    <t>Carcass (not an activity)</t>
  </si>
  <si>
    <t>CR</t>
  </si>
  <si>
    <t>Behaviour for the purpose of enticing a conspecific of the opposite sex into copulation; includes copulation, courtship feeding, and defense of mates.</t>
  </si>
  <si>
    <t>Courting</t>
  </si>
  <si>
    <t>CO</t>
  </si>
  <si>
    <t>Discharging bodily waste from the mouth. E.g. Seeing an owl or snake casting pellets.</t>
  </si>
  <si>
    <t>Casting</t>
  </si>
  <si>
    <t>CA</t>
  </si>
  <si>
    <t>Building a nest, bed, burrow, den, lodge, or other dwelling.</t>
  </si>
  <si>
    <t>Building</t>
  </si>
  <si>
    <t>BU</t>
  </si>
  <si>
    <t>Incidental portions of an animal's body which are left behind, but do not indicate the animal is dead; e.g., feathers, hair, and shed skins; shed antlers are recorded as AN</t>
  </si>
  <si>
    <t>Body parts (not an activity)</t>
  </si>
  <si>
    <t>BP</t>
  </si>
  <si>
    <t>Bedding, sleeping, or resting above ground; includes bedding for the purpose of cud chewing but does not include loafing.</t>
  </si>
  <si>
    <t>Bedding</t>
  </si>
  <si>
    <t>BE</t>
  </si>
  <si>
    <t>Behaviour for the purpose of gathering warmth. E.g. Seeing a marmot or snake lying on warm rocks.</t>
  </si>
  <si>
    <t>Basking</t>
  </si>
  <si>
    <t>BA</t>
  </si>
  <si>
    <t>Avoiding pests. E.g. seeing caribou standing on snow fields during summer when insects are abundant.</t>
  </si>
  <si>
    <t>Avoiding Pests</t>
  </si>
  <si>
    <t>AP</t>
  </si>
  <si>
    <t>A solid, annually deciduous horn of a cervid</t>
  </si>
  <si>
    <t>Antler (not an activity)</t>
  </si>
  <si>
    <t>AN</t>
  </si>
  <si>
    <t>Activity with the purpose of detecting predators. E.g. guard or sentry duty.</t>
  </si>
  <si>
    <t>Alert</t>
  </si>
  <si>
    <t>AL</t>
  </si>
  <si>
    <t>The date and, optionally, time of the observation(s)._x000D_
INSTRUCTIONS: For clarity, on your field forms do not use a 2-digit month format nor a 2-digit year format. A reliable format is dd-mmm-yyyy (e.g. '7 Jun 2008' or '7-Jun-2008')._x000D_
When entering the date into Excel ensure that Excel interprets it as correct date information._x000D_
Similarly, for clarity use a 24 hour time format with colons (e.g. 13:45) and ensure that Excel interprets it as correct time information.</t>
  </si>
  <si>
    <t>You may insert additional predefined columns and codes relevant to Site Descriptions._x000D_
INSTRUCTIONS: Double-click on the column header again now (while Data-entry Assistant is open) to insert predefined columns and codes relevant to Site Descriptions.</t>
  </si>
  <si>
    <t>Site Description</t>
  </si>
  <si>
    <t>The percentage of the ground surface covered when the crowns are projected vertically.</t>
  </si>
  <si>
    <t>Crown Closure</t>
  </si>
  <si>
    <t>Informative comment(s) about the site._x000D_
INSTRUCTIONS: If you provide site comments, ensure that column 'Site Description Date' is also present and populated.</t>
  </si>
  <si>
    <t>Concentration of hydrogen ions in the mineral soil.</t>
  </si>
  <si>
    <t>SPI_SITE_OBSERVATIONS.SOIL_PH</t>
  </si>
  <si>
    <t>No root restriction evident</t>
  </si>
  <si>
    <t>The type of layer that prevents the penetration of roots.</t>
  </si>
  <si>
    <t>Root Restriction Layer</t>
  </si>
  <si>
    <t>Ice cementation, ice lenses, or massive ice</t>
  </si>
  <si>
    <t>Permafrost</t>
  </si>
  <si>
    <t>Z</t>
  </si>
  <si>
    <t>Excessive accumulations of chemicals within the profile which_x000D_
inhibit root growth (e.g., CaCO3 )</t>
  </si>
  <si>
    <t>Excessive accumulation of chemicals</t>
  </si>
  <si>
    <t>X</t>
  </si>
  <si>
    <t>Roots are being restricted by excessive moisture, but does not require the_x000D_
presence of free water at the time of sampling.</t>
  </si>
  <si>
    <t>Excessive moisture</t>
  </si>
  <si>
    <t>Lithic Contact</t>
  </si>
  <si>
    <t>L</t>
  </si>
  <si>
    <t>Compacted morainal material</t>
  </si>
  <si>
    <t>K</t>
  </si>
  <si>
    <t>Clay pan or restriction due to fines</t>
  </si>
  <si>
    <t>P</t>
  </si>
  <si>
    <t>Strongly cemented horizon</t>
  </si>
  <si>
    <t>C</t>
  </si>
  <si>
    <t>The depth of the layer that restricts root penetration.</t>
  </si>
  <si>
    <t>Root Restriction Depth (cm)</t>
  </si>
  <si>
    <t>The particle size distribution within the mineral portion of the rooting zone.</t>
  </si>
  <si>
    <t>Rooting Zone Coarse Fragment %</t>
  </si>
  <si>
    <t>Hydromull</t>
  </si>
  <si>
    <t>YL</t>
  </si>
  <si>
    <t>The structure of the humus.</t>
  </si>
  <si>
    <t>Humus Form</t>
  </si>
  <si>
    <t>Rhizomull</t>
  </si>
  <si>
    <t>ZL</t>
  </si>
  <si>
    <t>Vermimull</t>
  </si>
  <si>
    <t>VL</t>
  </si>
  <si>
    <t>Mull</t>
  </si>
  <si>
    <t>Saprimoder</t>
  </si>
  <si>
    <t>SD</t>
  </si>
  <si>
    <t>Hydromoder</t>
  </si>
  <si>
    <t>YD</t>
  </si>
  <si>
    <t>Lignomoder</t>
  </si>
  <si>
    <t>LD</t>
  </si>
  <si>
    <t>Mullmoder</t>
  </si>
  <si>
    <t>Leptomoder</t>
  </si>
  <si>
    <t>TD</t>
  </si>
  <si>
    <t>Mormoder</t>
  </si>
  <si>
    <t>RD</t>
  </si>
  <si>
    <t>Moder</t>
  </si>
  <si>
    <t>Mesimor</t>
  </si>
  <si>
    <t>MR</t>
  </si>
  <si>
    <t>Fibrimor</t>
  </si>
  <si>
    <t>FR</t>
  </si>
  <si>
    <t>Hydromor</t>
  </si>
  <si>
    <t>YR</t>
  </si>
  <si>
    <t>Lignomor</t>
  </si>
  <si>
    <t>Resimor</t>
  </si>
  <si>
    <t>Humimor</t>
  </si>
  <si>
    <t>Hemimor</t>
  </si>
  <si>
    <t>Mor</t>
  </si>
  <si>
    <t>R</t>
  </si>
  <si>
    <t>Water is removed from the soil so slowly that the water table remains at or near the surface for most of the time the soil is not frozen. Groundwater flow and subsurface flow are the major water sources. Precipitation is less important, except where there is a perched water table with precipitation exceeding evapotranspiration. Typically associated with wetlands.</t>
  </si>
  <si>
    <t>Very poorly drained</t>
  </si>
  <si>
    <t>v</t>
  </si>
  <si>
    <t>The speed and extent to which water is removed from a mineral soil.</t>
  </si>
  <si>
    <t>Soil Drainage</t>
  </si>
  <si>
    <t>Water is removed so slowly in relation to supply that the soil remains wet for much of the time that it is not frozen. Excess water is evident in the soil for a large part of the time. Subsurface or groundwater flow (or both), in addition to precipitation, are the main water sources. A perched water table may be present. Soils are generally mottled and/or gleyed.</t>
  </si>
  <si>
    <t>Poorly drained</t>
  </si>
  <si>
    <t>p</t>
  </si>
  <si>
    <t>Water is removed from the soil sufficiently slowly in relation to supply to keep the soil wet for a significant part of the growing season. Excess water moves slowly downward if precipitation is the major source. If subsurface water or groundwater (or both) is the main source, the flow rate may vary but the soil remains wet for a significant part of the growing season.</t>
  </si>
  <si>
    <t>Imperfectly drained</t>
  </si>
  <si>
    <t>i</t>
  </si>
  <si>
    <t>Water is removed from the soil somewhat slowly in relation to supply because of imperviousness or lack of gradient. Precipitation is the dominant water source in medium- to fine- textured soils; precipitation and significant additions by subsurface flow are necessary in coarse-textured soils.</t>
  </si>
  <si>
    <t>Moderately well drained</t>
  </si>
  <si>
    <t>m</t>
  </si>
  <si>
    <t>Water is removed from the soil readily, but not rapidly. Excess water flows downward readily into underlying pervious material or laterally as subsurface flow. Water source is precipitation. On slopes, subsurface flow may occur for short durations, but additions are equalled by losses. Soils are generally intermediate in texture and lack restricting layers.</t>
  </si>
  <si>
    <t>Well drained</t>
  </si>
  <si>
    <t>w</t>
  </si>
  <si>
    <t>Water is removed from the soil rapidly in relation to supply. Excess water flows downward if underlying material is pervious. Subsurface flow may occur on steep gradients during heavy rainfall. Water source is precipitation. Soils are generally coarse textured.</t>
  </si>
  <si>
    <t>Rapidly drained</t>
  </si>
  <si>
    <t>r</t>
  </si>
  <si>
    <t>Water is removed from the soil very rapidly in relation to supply. Water source is precipitation and available water storage capacity following precipitation is essentially nil. Soils are typically fragmental or skeletal, shallow, or both.</t>
  </si>
  <si>
    <t>Very rapidly drained</t>
  </si>
  <si>
    <t>x</t>
  </si>
  <si>
    <t>Periglacial processes</t>
  </si>
  <si>
    <t>A one-letter code indicating the 3rd geomorphological process of the upper stratigraphic layer.</t>
  </si>
  <si>
    <t>Geomorphological Process 3 - Upper</t>
  </si>
  <si>
    <t>Washing</t>
  </si>
  <si>
    <t>Gully erosion</t>
  </si>
  <si>
    <t>V</t>
  </si>
  <si>
    <t>Inundation</t>
  </si>
  <si>
    <t>Solifluction</t>
  </si>
  <si>
    <t>Rapid mass movement</t>
  </si>
  <si>
    <t>Piping</t>
  </si>
  <si>
    <t>Nivation</t>
  </si>
  <si>
    <t>Meandering channels</t>
  </si>
  <si>
    <t>Surface seepage</t>
  </si>
  <si>
    <t>Karst</t>
  </si>
  <si>
    <t>Anastomosing Channel</t>
  </si>
  <si>
    <t>J</t>
  </si>
  <si>
    <t>Irregular channel</t>
  </si>
  <si>
    <t>I</t>
  </si>
  <si>
    <t>Kettle</t>
  </si>
  <si>
    <t>Slow mass</t>
  </si>
  <si>
    <t>Channeled</t>
  </si>
  <si>
    <t>E</t>
  </si>
  <si>
    <t>Deflation</t>
  </si>
  <si>
    <t>Cryoturbation</t>
  </si>
  <si>
    <t>Braiding</t>
  </si>
  <si>
    <t>B</t>
  </si>
  <si>
    <t>Avalanches</t>
  </si>
  <si>
    <t>A</t>
  </si>
  <si>
    <t>A one-letter code indicating the 2nd geomorphological process of the upper stratigraphic layer.</t>
  </si>
  <si>
    <t>Geomorphological Process 2 - Upper</t>
  </si>
  <si>
    <t>A one-letter code indicating the 1st geomorphological process of the upper stratigraphic layer.</t>
  </si>
  <si>
    <t>Geomorphological Process 1 - Upper</t>
  </si>
  <si>
    <t>Thin veneer</t>
  </si>
  <si>
    <t>A one-letter code indicating the 3rd surface expression of the upper stratigraphic layer.</t>
  </si>
  <si>
    <t>Surface Expression 3 - Upper</t>
  </si>
  <si>
    <t>Mantle of variable thickness</t>
  </si>
  <si>
    <t>Veneer</t>
  </si>
  <si>
    <t>Undulating</t>
  </si>
  <si>
    <t>u</t>
  </si>
  <si>
    <t>Terrace(s)</t>
  </si>
  <si>
    <t>t</t>
  </si>
  <si>
    <t>Steep slope</t>
  </si>
  <si>
    <t>s</t>
  </si>
  <si>
    <t>ridge(s)</t>
  </si>
  <si>
    <t>Plain</t>
  </si>
  <si>
    <t>Rolling</t>
  </si>
  <si>
    <t>Moderately steep slope</t>
  </si>
  <si>
    <t>k</t>
  </si>
  <si>
    <t>Gentle slope</t>
  </si>
  <si>
    <t>j</t>
  </si>
  <si>
    <t>Hummock(s)</t>
  </si>
  <si>
    <t>h</t>
  </si>
  <si>
    <t>Fan(s)</t>
  </si>
  <si>
    <t>f</t>
  </si>
  <si>
    <t>Depression(s)</t>
  </si>
  <si>
    <t>d</t>
  </si>
  <si>
    <t>Cone(s)</t>
  </si>
  <si>
    <t>c</t>
  </si>
  <si>
    <t>Blanket</t>
  </si>
  <si>
    <t>b</t>
  </si>
  <si>
    <t>Moderate slope</t>
  </si>
  <si>
    <t>a</t>
  </si>
  <si>
    <t>A one-letter code indicating the 2nd surface expression of the upper stratigraphic layer.</t>
  </si>
  <si>
    <t>Surface Expression 2 - Upper</t>
  </si>
  <si>
    <t>A one-letter code indicating the 1st surface expression of the upper stratigraphic layer.</t>
  </si>
  <si>
    <t>Surface Expression 1 - Upper</t>
  </si>
  <si>
    <t>Glaciomarine</t>
  </si>
  <si>
    <t>WG</t>
  </si>
  <si>
    <t>A one- or two-letter code indicating the 3rd surficial material of the upper stratigraphic layer.</t>
  </si>
  <si>
    <t>Surficial Material 3 - Upper</t>
  </si>
  <si>
    <t>Marine</t>
  </si>
  <si>
    <t>Volcanic</t>
  </si>
  <si>
    <t>Undifferentiated</t>
  </si>
  <si>
    <t>Bedrock</t>
  </si>
  <si>
    <t>Organic</t>
  </si>
  <si>
    <t>Morainal</t>
  </si>
  <si>
    <t>Glaciolacustrine</t>
  </si>
  <si>
    <t>LG</t>
  </si>
  <si>
    <t>Lacustrine</t>
  </si>
  <si>
    <t>Ice</t>
  </si>
  <si>
    <t>Glaciofluvial</t>
  </si>
  <si>
    <t>FG</t>
  </si>
  <si>
    <t>Fluvial</t>
  </si>
  <si>
    <t>Eolian</t>
  </si>
  <si>
    <t>Weathered bedrock</t>
  </si>
  <si>
    <t>Colluvium</t>
  </si>
  <si>
    <t>Anthropogenic</t>
  </si>
  <si>
    <t>A one- or two-letter code indicating the 2nd surficial material of the upper stratigraphic layer.</t>
  </si>
  <si>
    <t>Surficial Material 2 - Upper</t>
  </si>
  <si>
    <t>A one- or two-letter code indicating the 1st surficial material of the upper stratigraphic layer.</t>
  </si>
  <si>
    <t>Surficial Material 1 - Upper</t>
  </si>
  <si>
    <t>Silt</t>
  </si>
  <si>
    <t>z</t>
  </si>
  <si>
    <t>A one-letter code indicating the 3rd terrain texture of the upper stratigraphic layer.</t>
  </si>
  <si>
    <t>Terrain Texture 3 - Upper</t>
  </si>
  <si>
    <t>Shells</t>
  </si>
  <si>
    <t>y</t>
  </si>
  <si>
    <t>Angular</t>
  </si>
  <si>
    <t>Mesic</t>
  </si>
  <si>
    <t>Sand</t>
  </si>
  <si>
    <t>Rubble</t>
  </si>
  <si>
    <t>Pebbles</t>
  </si>
  <si>
    <t>Mud</t>
  </si>
  <si>
    <t>Cobble</t>
  </si>
  <si>
    <t>Humic</t>
  </si>
  <si>
    <t>Gravel</t>
  </si>
  <si>
    <t>g</t>
  </si>
  <si>
    <t>Fabric</t>
  </si>
  <si>
    <t>e</t>
  </si>
  <si>
    <t>Mixed fragments</t>
  </si>
  <si>
    <t>Clay</t>
  </si>
  <si>
    <t>Boulders</t>
  </si>
  <si>
    <t>Blocks</t>
  </si>
  <si>
    <t>A one-letter code indicating the 2nd terrain texture of the upper stratigraphic layer.</t>
  </si>
  <si>
    <t>Terrain Texture 2 - Upper</t>
  </si>
  <si>
    <t>A one-letter code indicating the 1st terrain texture of the upper stratigraphic layer.</t>
  </si>
  <si>
    <t>Terrain Texture 1 - Upper</t>
  </si>
  <si>
    <t>Old Forest</t>
  </si>
  <si>
    <t>The appearance of a stand or community using the characteristic life form and certain physical attributes.</t>
  </si>
  <si>
    <t>Structural Stage</t>
  </si>
  <si>
    <t>Mature Forest</t>
  </si>
  <si>
    <t>Young Forest</t>
  </si>
  <si>
    <t>Pole/Sapling</t>
  </si>
  <si>
    <t>Tall shrub</t>
  </si>
  <si>
    <t>3b</t>
  </si>
  <si>
    <t>Low shrub</t>
  </si>
  <si>
    <t>3a</t>
  </si>
  <si>
    <t>Shrub/herb</t>
  </si>
  <si>
    <t>Dwarf shrub</t>
  </si>
  <si>
    <t>2d</t>
  </si>
  <si>
    <t>Aquatic</t>
  </si>
  <si>
    <t>2c</t>
  </si>
  <si>
    <t>Graminoid-dominated</t>
  </si>
  <si>
    <t>2b</t>
  </si>
  <si>
    <t>Forb-dominated</t>
  </si>
  <si>
    <t>2a</t>
  </si>
  <si>
    <t>Herb</t>
  </si>
  <si>
    <t>Bryoid</t>
  </si>
  <si>
    <t>1c</t>
  </si>
  <si>
    <t>Sparse</t>
  </si>
  <si>
    <t>1b</t>
  </si>
  <si>
    <t>Non-vegetated</t>
  </si>
  <si>
    <t>1a</t>
  </si>
  <si>
    <t>Non-vegetated/sparse</t>
  </si>
  <si>
    <t>An area in a double toe slope position where the receiving area is also sloped (perpendicular to the toe slopes).</t>
  </si>
  <si>
    <t>Gully</t>
  </si>
  <si>
    <t>GU</t>
  </si>
  <si>
    <t>The position of the site relative to the localized catchment area</t>
  </si>
  <si>
    <t>Meso Slope Position</t>
  </si>
  <si>
    <t>Any level meso-scale area not immediately adjacent to a meso-scale slope; the surface profile is generally horizontal and straight with no significant aspect.</t>
  </si>
  <si>
    <t>Level</t>
  </si>
  <si>
    <t>LV</t>
  </si>
  <si>
    <t>Any area concave in all directions; may be at the base of a mesoscale slope or in a generally level area.</t>
  </si>
  <si>
    <t>Depression</t>
  </si>
  <si>
    <t>DP</t>
  </si>
  <si>
    <t>The area demarcated from the lower slope by an abrupt decrease in slope gradient; seepage is typically present.</t>
  </si>
  <si>
    <t>Toe</t>
  </si>
  <si>
    <t>The area toward the base of a slope; generally has a concave surface profile with a specific aspect.</t>
  </si>
  <si>
    <t>Lower slope</t>
  </si>
  <si>
    <t>LW</t>
  </si>
  <si>
    <t>Area between the upper and lower slope; the surface profile is generally neither distinctly concave nor convex; has a straight or somewhat sigmoid surface profile with a specific aspect.</t>
  </si>
  <si>
    <t>Middle slope</t>
  </si>
  <si>
    <t>The generally convex upper portion of the slope immediately below the crest of a hill; has a specific aspect.</t>
  </si>
  <si>
    <t>Upper slope</t>
  </si>
  <si>
    <t>UP</t>
  </si>
  <si>
    <t>The generally convex uppermost portion of a hill; usually convex in all directions with no distinct aspect.</t>
  </si>
  <si>
    <t>Crest</t>
  </si>
  <si>
    <t>Silty (SiL, Si)</t>
  </si>
  <si>
    <t>SILTY</t>
  </si>
  <si>
    <t>The size distribution of the primary mineral particles (2 mm diameter or less).</t>
  </si>
  <si>
    <t>Rooting Zone Soil Texture</t>
  </si>
  <si>
    <t>Sandy (LS, S)</t>
  </si>
  <si>
    <t>SANDY</t>
  </si>
  <si>
    <t>ORGANIC</t>
  </si>
  <si>
    <t>Loamy (SL,L,SCL,FSL)</t>
  </si>
  <si>
    <t>LOAMY</t>
  </si>
  <si>
    <t>(SiCL, CL, SC, SiC, C)</t>
  </si>
  <si>
    <t>CLAYEY</t>
  </si>
  <si>
    <t>The orientation of the slope, in degrees.</t>
  </si>
  <si>
    <t>Aspect (Degrees)</t>
  </si>
  <si>
    <t>The slope gradient measured in percent.</t>
  </si>
  <si>
    <t>Slope (Percent)</t>
  </si>
  <si>
    <t>The elevation of the site in metres.</t>
  </si>
  <si>
    <t>Elevation (m)</t>
  </si>
  <si>
    <t>Saline (S)</t>
  </si>
  <si>
    <t>The nutrient class of the soil.</t>
  </si>
  <si>
    <t>Soil Nutrient Regime</t>
  </si>
  <si>
    <t>Very Rich (VR)</t>
  </si>
  <si>
    <t>Rich (R)</t>
  </si>
  <si>
    <t>Medium (M)</t>
  </si>
  <si>
    <t>Poor (P)</t>
  </si>
  <si>
    <t>Very Poor (VP)</t>
  </si>
  <si>
    <t>Water removed so slowly that water table is at or above soil surface all year; gleyed mineral or organic soils</t>
  </si>
  <si>
    <t>Hydric</t>
  </si>
  <si>
    <t>The moisture class of the soil.</t>
  </si>
  <si>
    <t>Soil Moisture Regime</t>
  </si>
  <si>
    <t>Water removed slowly enough to keep water table at or near surface for most of year; gleyed mineral or organic soils; permanent seepage &lt; 30 cm below surface</t>
  </si>
  <si>
    <t>Subhydric</t>
  </si>
  <si>
    <t>Water removed slowly enough to keep soil wet for most of growing season; permanent seepage and mottling; gleyed colours common</t>
  </si>
  <si>
    <t>Water removed slowly enough to keep soil wet for a significant part of growing season; some temporary seepage and possibly mottling below 20 cm</t>
  </si>
  <si>
    <t>Subhygric</t>
  </si>
  <si>
    <t>Water removed somewhat slowly in relation to supply; soil may remain moist for a significant, but sometimes short period of the year. Available soil moisture reflects climatic inputs</t>
  </si>
  <si>
    <t>Water removed readily in relation to supply; water available for moderately short periods following precipitation</t>
  </si>
  <si>
    <t>Submesic</t>
  </si>
  <si>
    <t>Water removed rapidly in relation to supply; soil is moist for short periods following precipitation</t>
  </si>
  <si>
    <t>Subxeric</t>
  </si>
  <si>
    <t>Water removed very rapidly in relation to supply; soilis moidt for brief periods following precipitation.</t>
  </si>
  <si>
    <t>Xeric</t>
  </si>
  <si>
    <t>Water supply removed very rapidly in relation to supply. Soil is moist for a negliglibe time after precipiation.</t>
  </si>
  <si>
    <t>Very xeric</t>
  </si>
  <si>
    <t>A second site series used where site is uniform but transitional</t>
  </si>
  <si>
    <t>Site Series Code 2</t>
  </si>
  <si>
    <t>A two- or three-digit site series code and a coding for site series phases or seral designation, where recognized.</t>
  </si>
  <si>
    <t>Site Series Code 1</t>
  </si>
  <si>
    <t>The biogeoclimatic unit, including zone, subzone and variant.</t>
  </si>
  <si>
    <t>BGC Unit</t>
  </si>
  <si>
    <t>The observation occurred on land owned by a legal partnership.</t>
  </si>
  <si>
    <t>Partnership(legal entity)</t>
  </si>
  <si>
    <t>A code indicating the type of ownership of the land on which this site occurs, e.g., F.</t>
  </si>
  <si>
    <t>Ownership Type Code</t>
  </si>
  <si>
    <t>The observer did not know who the landowner is.</t>
  </si>
  <si>
    <t>Unknown</t>
  </si>
  <si>
    <t>UNK</t>
  </si>
  <si>
    <t>The observation occurred on lands governed by a trust.</t>
  </si>
  <si>
    <t>Trust</t>
  </si>
  <si>
    <t>T</t>
  </si>
  <si>
    <t>The observation occurred on Provincial government owned lands.</t>
  </si>
  <si>
    <t>State/Provincial Gov.</t>
  </si>
  <si>
    <t>The observation occurred on land owned by a private organization.</t>
  </si>
  <si>
    <t>Private Organization</t>
  </si>
  <si>
    <t>The observation occurred on land owned by another type of group or individual.</t>
  </si>
  <si>
    <t>Other</t>
  </si>
  <si>
    <t>OTH</t>
  </si>
  <si>
    <t>The observation occurred on municipal lands.</t>
  </si>
  <si>
    <t>Municipal</t>
  </si>
  <si>
    <t>The observation occurred on local government owned lands.</t>
  </si>
  <si>
    <t>Local Government</t>
  </si>
  <si>
    <t>The observation occurred on land owned by a private indivdual.</t>
  </si>
  <si>
    <t>Private individual</t>
  </si>
  <si>
    <t>The observation occurred on First Nations Reserve lands.</t>
  </si>
  <si>
    <t>First Nations Reserve</t>
  </si>
  <si>
    <t>FN</t>
  </si>
  <si>
    <t>The observation occurred in a national park or ecological reserve.</t>
  </si>
  <si>
    <t>Parks Canada</t>
  </si>
  <si>
    <t>F-CNP</t>
  </si>
  <si>
    <t>The observation occurred on Federal government owned lands.</t>
  </si>
  <si>
    <t>Federal Government</t>
  </si>
  <si>
    <t>The observation occurred on an estate.</t>
  </si>
  <si>
    <t>Estate</t>
  </si>
  <si>
    <t>The observation occurred on land owned by a corporation.</t>
  </si>
  <si>
    <t>Corporation</t>
  </si>
  <si>
    <t>A description of the disturbances and/or threats, as related to the viability of individuals and/or populations of plants and fungi, at the landscape level._x000D_
This information is used in BC CSample Station Element Occurrence ranking._x000D_
Refer to the following link for examples of threat types:  http://cmp-openstandards.org/using-os/tools/threats-taxonomy/.</t>
  </si>
  <si>
    <t>Landscape Context</t>
  </si>
  <si>
    <t>A description of the quality of biotic and abiotic factors within a site._x000D_
INSTRUCTIONS: For example, the extent of invasive species and the health of individuals and/or populations may be considered; damage from herbivory, trampling, or disease may be considered.</t>
  </si>
  <si>
    <t>Site Condition</t>
  </si>
  <si>
    <t>Informative comments and/or notes about the photos, or other Standard Digital Files.</t>
  </si>
  <si>
    <t>A general description of the habitat._x000D_
INSTRUCTIONS: If you provide a Habitat Description, ensure that column 'Site Description Date' is also present and populated.</t>
  </si>
  <si>
    <t>The measured or guesstimated spatial accuracy of the point in meters._x000D_
INSTRUCTIONS: The value must be less than or equal to 5 digits long.</t>
  </si>
  <si>
    <t>The latitude of the observation recorded, in decimal degrees._x000D_
INSTRUCTIONS: Do not enter Long-Lat coordinates if UTM coordinates are provided.</t>
  </si>
  <si>
    <t>The longitude of the observation recorded, in decimal degrees._x000D_
INSTRUCTIONS: Do not enter Long-Lat coordinates if UTM coordinates are provided.</t>
  </si>
  <si>
    <t>The UTM north coordinate in metres for the observation recorded._x000D_
INSTRUCTIONS: The value in this field must be a number, and it must be 7 digits long. UTM coordinates must be recorded using NAD 83 datum._x000D_
Do not enter UTM coordinates if Long-Lat coordinates are provided.</t>
  </si>
  <si>
    <t>The UTM east coordinate in metres for the observation recorded._x000D_
INSTRUCTIONS: The value in this field must be a number, and it must be 6 digits long._x000D_
UTM coordinates must be recorded using NAD 83 datum._x000D_
Do not enter UTM coordinates if Long-Lat coordinates are provided.</t>
  </si>
  <si>
    <t>The UTM zone in which the observation occurs._x000D_
INSTRUCTIONS: Do not enter UTM coordinates if Long-Lat coordinates are provided.</t>
  </si>
  <si>
    <t>The map sheet or marine chart that the observed site is on.</t>
  </si>
  <si>
    <t>Mapsheet</t>
  </si>
  <si>
    <t>Instructions for accessing the site._x000D_
INSTRUCTIONS: If you provide Site Access Instructions, ensure that column 'Site Description Date' is also present and populated.</t>
  </si>
  <si>
    <t>A text description of the location._x000D_
INSTRUCTIONS: This description should include a gazetted name if possible.</t>
  </si>
  <si>
    <t>The email address of the observer</t>
  </si>
  <si>
    <t>Observer Email Address</t>
  </si>
  <si>
    <t>Information about the observer(s) recording the information.</t>
  </si>
  <si>
    <t>The observer's last name.</t>
  </si>
  <si>
    <t>The observer's first name.</t>
  </si>
  <si>
    <t>The date when the site description was made.</t>
  </si>
  <si>
    <t>Site Description Date</t>
  </si>
  <si>
    <t>Site Description Type Code</t>
  </si>
  <si>
    <t>A label that uniquely identifies a plot (i.e. a site description) at a site._x000D_
INSTRUCTIONS: Caution must be used when entering labels into Excel. Excel can misinterpret labels with dashes in them as dates. For example, 2-58 would reformat as February 1st, 1958. This may or may not be visible in Excel, but becomes evident during the process of importing data into SPI (the WSI database). To avoid this problem, also use letters in the Plot Label.</t>
  </si>
  <si>
    <t>Plot Label</t>
  </si>
  <si>
    <t>Sample Station</t>
  </si>
  <si>
    <t>A unique identifier of the Sample Station in/at which observations are made._x000D_
INSTRUCTIONS: Spatial polygons and lines must be submited for all Blocks and Transects respectively._x000D_
Labels must be 50 characters (including spaces), or shorter._x000D_
Caution must be used when entering labels into Excel. Excel can misinterpret labels with dashes in them as dates. For example, 2-58 would reformat as February 1st, 1958. This may or may not be visible in Excel, but becomes evident during the process of loading data into SPI (the WSI database). To avoid this problem, also use letters in the Sample Station label._x000D_
If your design involves nesting, also use column Parent Block Label. For example, if Block C is nested within Block B and Block B is nested within Block A, the Parent Blocks are Block B and Block A, respectively._x000D_
Sample Station Label is not needed for Site &amp; Incidental Observations that are not at/in Sample Stations.</t>
  </si>
  <si>
    <t>Study Area</t>
  </si>
  <si>
    <t>The name of the Study Area in which a Survey is conducted or in which a site description is recorded._x000D_
INSTRUCTIONS: Spatial polygons should be submited for all Study Areas._x000D_
The Study Area Name should indicate the geographic area for which the Survey is being conducted. E.g. name of mountain, river valley, watershed, wildlife management unit._x000D_
Study Area Name is not needed for Site &amp; Incidental Observations that are not in Study Areas.</t>
  </si>
  <si>
    <t>Survey Observation</t>
  </si>
  <si>
    <t>Label for this record to enable linking of this data record to other data records collected at this location and/or time using other data-field groups._x000D_
INSTRUCTIONS: Avoid using Labels that do not contain letters and start with zero or contain hyphens. For example, avoid '003' or '2-5', because data systems (e.g. Excel) sometimes automatically reformat such data.</t>
  </si>
  <si>
    <t>The exterior diameter, in centimetres, of a radially symetric nest._x000D_
INSTRUCTIONS: Only applicable if a nest is radially symetric, such as a saucer or bowl shaped nest.</t>
  </si>
  <si>
    <t>The interior diameter, in centimetres, of a radially symetric nest._x000D_
INSTRUCTIONS: Only applicable if a nest is radially symetric, such as a saucer or bowl shaped nest.</t>
  </si>
  <si>
    <t>The diameter, in centimetres, of the hole or crevice that provides entry to a nest.</t>
  </si>
  <si>
    <t>Nest appears old and to have been unused during the most recent nesting period.</t>
  </si>
  <si>
    <t>Old, unused appearance</t>
  </si>
  <si>
    <t>OU</t>
  </si>
  <si>
    <t>A code indicating the physical condition of a nest, e.g., UD.</t>
  </si>
  <si>
    <t>New material has been added to an already-completed nest. E.g. new material added to a repeatedly-used eagle nest.</t>
  </si>
  <si>
    <t>New material added</t>
  </si>
  <si>
    <t>NM</t>
  </si>
  <si>
    <t>Nest is completed and appears to have been made during the current or most recent nesting season.</t>
  </si>
  <si>
    <t>Newly Completed</t>
  </si>
  <si>
    <t>NC</t>
  </si>
  <si>
    <t>Nest is being built for the first time. An eagle nest that is having new material added in subsequent years is not Under Development.</t>
  </si>
  <si>
    <t>Under Development</t>
  </si>
  <si>
    <t>UD</t>
  </si>
  <si>
    <t>The type of material used to construct a nest. Freeform. E.g., aquatic vegetation, sticks, reeds, dirt, or debris.</t>
  </si>
  <si>
    <t>North North West</t>
  </si>
  <si>
    <t>NNW</t>
  </si>
  <si>
    <t>A code indicating the cardinal direction in which the entry/exit of a nest faces, e.g., NW.</t>
  </si>
  <si>
    <t>North West</t>
  </si>
  <si>
    <t>NW</t>
  </si>
  <si>
    <t>West North West</t>
  </si>
  <si>
    <t>WNW</t>
  </si>
  <si>
    <t>West</t>
  </si>
  <si>
    <t>West South West</t>
  </si>
  <si>
    <t>WSW</t>
  </si>
  <si>
    <t>South West</t>
  </si>
  <si>
    <t>SW</t>
  </si>
  <si>
    <t>South South West</t>
  </si>
  <si>
    <t>SSW</t>
  </si>
  <si>
    <t>South</t>
  </si>
  <si>
    <t>South South East</t>
  </si>
  <si>
    <t>SSE</t>
  </si>
  <si>
    <t>South East</t>
  </si>
  <si>
    <t>SE</t>
  </si>
  <si>
    <t>East South East</t>
  </si>
  <si>
    <t>ESE</t>
  </si>
  <si>
    <t>East</t>
  </si>
  <si>
    <t>East North East</t>
  </si>
  <si>
    <t>ENE</t>
  </si>
  <si>
    <t>North East</t>
  </si>
  <si>
    <t>NE</t>
  </si>
  <si>
    <t>North North East</t>
  </si>
  <si>
    <t>NNE</t>
  </si>
  <si>
    <t>North</t>
  </si>
  <si>
    <t>The height of a nest above the ground in metres, e.g., 2.1. If on a cliff face, indicate the height above 'level' ground.</t>
  </si>
  <si>
    <t>Globe or ball shaped, fully enclosed except for small opening.</t>
  </si>
  <si>
    <t>Spherical</t>
  </si>
  <si>
    <t>SPHERE</t>
  </si>
  <si>
    <t>A code indicating the type of nest under observation, e.g., CUP.</t>
  </si>
  <si>
    <t>Simple depression to prevent rolling eggs. May be lined.</t>
  </si>
  <si>
    <t>Scrape</t>
  </si>
  <si>
    <t>SCRAPE</t>
  </si>
  <si>
    <t>Shallow cup with rim height less than two times egg diameter.</t>
  </si>
  <si>
    <t>Saucer</t>
  </si>
  <si>
    <t>SAUCER</t>
  </si>
  <si>
    <t>Level structure in a tree, on cliff, or in marsh or water providing a relatively dry place.</t>
  </si>
  <si>
    <t>Platform</t>
  </si>
  <si>
    <t>PFORM</t>
  </si>
  <si>
    <t>Elongate sack suspended from a branch.</t>
  </si>
  <si>
    <t>Pendant</t>
  </si>
  <si>
    <t>PENDAN</t>
  </si>
  <si>
    <t>Gourd-shaped. Plastered on cliffs, walls, undersides of structures.</t>
  </si>
  <si>
    <t>Gourd</t>
  </si>
  <si>
    <t>GOURD</t>
  </si>
  <si>
    <t>Cup, bowl, basket. Rim height is several times egg diameter.</t>
  </si>
  <si>
    <t>Cup, bowl, basket</t>
  </si>
  <si>
    <t>CUP</t>
  </si>
  <si>
    <t>Crevice in cracked cliff, between rocks, in human structure.</t>
  </si>
  <si>
    <t>Crevice</t>
  </si>
  <si>
    <t>CREVICE</t>
  </si>
  <si>
    <t>Excavated by current or previous user, or naturally occurring.</t>
  </si>
  <si>
    <t>Cavity</t>
  </si>
  <si>
    <t>CAVITY</t>
  </si>
  <si>
    <t>Chamber at the end of a tunnel, excavated by bird or other animal.</t>
  </si>
  <si>
    <t>Burrow</t>
  </si>
  <si>
    <t>BURROW</t>
  </si>
  <si>
    <t>A label that uniquely identifies a tree within a Project, e.g., Tree01._x000D_
INSTRUCTIONS: If a nest is in the tree, and a tree description is to be completed, enter the same Tree Label on the tree description form._x000D_
Avoid using Labels that do not contain letters and start with zero or contain hyphens. For example, avoid '003' or '2-5', because data systems (e.g. Excel) sometimes automatically reformat such data.</t>
  </si>
  <si>
    <t>Floating. Maybe anchored to vegetation</t>
  </si>
  <si>
    <t>WATER</t>
  </si>
  <si>
    <t>A code indicating the type of structure supporting a nest, e.g., POST.</t>
  </si>
  <si>
    <t>Tree, alive but unhealthy.</t>
  </si>
  <si>
    <t>TREE_U</t>
  </si>
  <si>
    <t>Tree, alive and healthy.</t>
  </si>
  <si>
    <t>TREE_H</t>
  </si>
  <si>
    <t>Tree, fallen.</t>
  </si>
  <si>
    <t>TREE_F</t>
  </si>
  <si>
    <t>Tree, dead.</t>
  </si>
  <si>
    <t>TREE_D</t>
  </si>
  <si>
    <t>Tree</t>
  </si>
  <si>
    <t>Vine tangle. Includes brambles, brush piles, etc.</t>
  </si>
  <si>
    <t>TANGLE</t>
  </si>
  <si>
    <t>Live shrub or multi-stemmed wood plant.</t>
  </si>
  <si>
    <t>SHRB_L</t>
  </si>
  <si>
    <t>Dead shrub or multi-stemmed woody plant.</t>
  </si>
  <si>
    <t>SHRB_D</t>
  </si>
  <si>
    <t>Among roots of a tree.</t>
  </si>
  <si>
    <t>ROOTS</t>
  </si>
  <si>
    <t>Fencepost, flagpole, clothesline, pole, etc.</t>
  </si>
  <si>
    <t>POST</t>
  </si>
  <si>
    <t>Other human structures (haystack, woodpile).</t>
  </si>
  <si>
    <t>OTH_HM</t>
  </si>
  <si>
    <t>Ground Surface. Bare, vegetated, or debris.</t>
  </si>
  <si>
    <t>GROUND</t>
  </si>
  <si>
    <t>Cliff, sandstone.</t>
  </si>
  <si>
    <t>CLF_SS</t>
  </si>
  <si>
    <t>Cliff, rock.</t>
  </si>
  <si>
    <t>CLF_RK</t>
  </si>
  <si>
    <t>Cliff, limestone.</t>
  </si>
  <si>
    <t>CLF_LI</t>
  </si>
  <si>
    <t>Cliff, granite.</t>
  </si>
  <si>
    <t>CLF_GR</t>
  </si>
  <si>
    <t>Cliff. Includes face, crevices, ledges.</t>
  </si>
  <si>
    <t>CLF</t>
  </si>
  <si>
    <t>Cave.</t>
  </si>
  <si>
    <t>CAVE</t>
  </si>
  <si>
    <t>Bridge.</t>
  </si>
  <si>
    <t>BRIDGE</t>
  </si>
  <si>
    <t>Bank, sand.</t>
  </si>
  <si>
    <t>BNK_SD</t>
  </si>
  <si>
    <t>Bank, gravel.</t>
  </si>
  <si>
    <t>BNK_GR</t>
  </si>
  <si>
    <t>Bank, dirt.</t>
  </si>
  <si>
    <t>BNK_DT</t>
  </si>
  <si>
    <t>Bank, clay.</t>
  </si>
  <si>
    <t>BNK_CL</t>
  </si>
  <si>
    <t>Bank. River banks, hillsides.</t>
  </si>
  <si>
    <t>BNK</t>
  </si>
  <si>
    <t>Unactive building, abandoned, unused.</t>
  </si>
  <si>
    <t>BLD_UN</t>
  </si>
  <si>
    <t>Active building, house, garage, barn.</t>
  </si>
  <si>
    <t>BLD_AC</t>
  </si>
  <si>
    <t>Floating nest.</t>
  </si>
  <si>
    <t>A code describing the microsite in which a nest is located, e.g., LEDGE.</t>
  </si>
  <si>
    <t>Building wall, cave wall, etc.</t>
  </si>
  <si>
    <t>WALL</t>
  </si>
  <si>
    <t>Vegetated ground</t>
  </si>
  <si>
    <t>V_GRND</t>
  </si>
  <si>
    <t>Spherical. Globe or ball shaped, fully enclosed except for small opening.</t>
  </si>
  <si>
    <t>Shrub, brush, tangle, hedge.</t>
  </si>
  <si>
    <t>Scrape. Simple depression to prevent rolling eggs. Maybe lined.</t>
  </si>
  <si>
    <t>Saucer. Shallow cup with rim height less than two times egg diameter.</t>
  </si>
  <si>
    <t>Platform. Structure in a tree, on cliff, or providing dry place in marsh or water.</t>
  </si>
  <si>
    <t>Pendant. Elongate sac suspended from a branch.</t>
  </si>
  <si>
    <t>Old nest site.</t>
  </si>
  <si>
    <t>OLDNST</t>
  </si>
  <si>
    <t>The nest is within a human-made enclosure.</t>
  </si>
  <si>
    <t>Nest box.</t>
  </si>
  <si>
    <t>NSTBOX</t>
  </si>
  <si>
    <t>Low vegetation.</t>
  </si>
  <si>
    <t>LO_VEG</t>
  </si>
  <si>
    <t>Window ledge, rock ledge, eave, etc.</t>
  </si>
  <si>
    <t>LEDGE</t>
  </si>
  <si>
    <t>Gourd. Gourd-shaped. Plastered on cliffs, walls, undersides of structures.</t>
  </si>
  <si>
    <t>Deciduous cavity.</t>
  </si>
  <si>
    <t>D_CAVT</t>
  </si>
  <si>
    <t>Deciduous branch.</t>
  </si>
  <si>
    <t>D_BRCH</t>
  </si>
  <si>
    <t>Coniferous cavity.</t>
  </si>
  <si>
    <t>C_CAVT</t>
  </si>
  <si>
    <t>Coniferous branch.</t>
  </si>
  <si>
    <t>C_BRCH</t>
  </si>
  <si>
    <t>Cavity. Excavated by current or previous user, or naturally occurring.</t>
  </si>
  <si>
    <t>Bare ground.</t>
  </si>
  <si>
    <t>B_GRND</t>
  </si>
  <si>
    <t>Burrow. Chamber at the end of a tunnel, excavated by bird or other animal.</t>
  </si>
  <si>
    <t>A label that uniquely identifies a nest within a Project, e.g., Nest01._x000D_
INSTRUCTIONS: Avoid using Labels that do not contain letters and start with zero or contain hyphens. For example, avoid '003' or '2-5', because data systems (e.g. Excel) sometimes automatically reformat such data.</t>
  </si>
  <si>
    <t>You may insert additional predefined columns and codes relevant to Marks._x000D_
INSTRUCTIONS: Double-click on the column header again now (while Data-entry Assistant is open) to insert predefined columns and codes relevant to Marks.</t>
  </si>
  <si>
    <t>You may insert additional predefined columns and codes relevant to Survey Observations._x000D_
INSTRUCTIONS: Double-click on the column header again now (while Data-entry Assistant is open) to insert predefined columns and codes relevant to Survey Observations.</t>
  </si>
  <si>
    <t>The measured or guesstimated spatial accuracy of the point in meters.</t>
  </si>
  <si>
    <t>The latitude of the observation, in decimal degrees._x000D_
INSTRUCTIONS: Do not enter Long-Lat coordinates if UTM coordinates are provided.</t>
  </si>
  <si>
    <t>The longitude of the observation, in decimal degrees._x000D_
INSTRUCTIONS: Do not enter Long-Lat coordinates if UTM coordinates are provided.</t>
  </si>
  <si>
    <t>The UTM north coordinate in metres._x000D_
INSTRUCTIONS: The value in this field must be a 7-digit number._x000D_
Use these UTM columns for UTMs of individual observations only._x000D_
Do not enter UTMS of Blocks, Sample Stations, or Transects here. If you do not have UTMs of the individual observations, make sure that you use the appropriate 'Block Information',  'Sample Station Information', or 'Transect Information' worksheet to enter UTMs of Blocks, Sample Stations, or Transects._x000D_
Do not enter UTMs if Long-Lats are provided.</t>
  </si>
  <si>
    <t>The UTM east coordinate in metres._x000D_
INSTRUCTIONS: The value in this field must be a 6-digit number._x000D_
Use these UTM columns for UTMs of individual observations only._x000D_
Do not enter UTMS of Blocks, Sample Stations, or Transects here. If you do not have UTMs of the individual observations, make sure that you use the appropriate 'Block Information',  'Sample Station Information', or 'Transect Information' worksheet to enter UTMs of Blocks, Sample Stations, or Transects._x000D_
Do not enter UTMs if Long-Lats are provided.</t>
  </si>
  <si>
    <t>The UTM zone in which the observation occurs._x000D_
INSTRUCTIONS: Use these UTM columns for UTMs of individual observations only._x000D_
Do not enter UTMs of Blocks, Sample Stations, or Transects here. If you do not have UTMs of the individual observations, make sure that you use the appropriate 'Block Information',  'Sample Station Information', or 'Transect Information' worksheet to enter UTMs of Blocks, Sample Stations, or Transects._x000D_
Do not enter UTM coordinates if Long-Lat coordinates are provided.</t>
  </si>
  <si>
    <t>A unique identifier permanently assigned to an animal, independent of possible changes in mark method used._x000D_
INSTRUCTIONS: This data is mandatory if there is telemetry or GPS data for the animal._x000D_
AVOID using IDs that:_x000D_
     - do not contain letters_x000D_
     - start with zero_x000D_
For example, avoid '003' or '2-5', because data systems (e.g. Excel) often automatically reformat such data.</t>
  </si>
  <si>
    <t>The number of individuals of all life stages._x000D_
Alternatively, a count of 1 (one) may mean that details about numbers are recorded in other columns such as Sign Count or Adult Males._x000D_
See Project report for details.</t>
  </si>
  <si>
    <t>The full name (First Last) of one surveyor who provided the data point._x000D_
INSTRUCTIONS: Enter only one surveyor. If there are multiple surveyors for a data point, enter only the primary surveyor.</t>
  </si>
  <si>
    <t>A number that uniquely identifies a Survey Observation (e.g. a rare plant observation) on a field form or in an Excel data file._x000D_
INSTRUCTIONS: This number is mandatory if voucher specimens are collected because it links voucher data to a Survey Observation._x000D_
In general this number is used to link individual survey observations to related data on other field forms, or to related data in other Excel worksheets within an Excel data file.</t>
  </si>
  <si>
    <t>You may insert additional predefined columns and codes relevant to Sampling Conditions._x000D_
INSTRUCTIONS: Double-click on the column header again now (while Data-entry Assistant is open) to insert predefined columns and codes relevant to Sampling Conditions.</t>
  </si>
  <si>
    <t>Sampling Condition</t>
  </si>
  <si>
    <t>Comments about the Sampling Conditions</t>
  </si>
  <si>
    <t>Sampling Condition Comments</t>
  </si>
  <si>
    <t>The water temperature variance in +/- degrees Celsius.</t>
  </si>
  <si>
    <t>Temperature Variance</t>
  </si>
  <si>
    <t>The turbidity of the water as represented by centimeters of visibility measured with a secchi disk (cm) or other instrument.</t>
  </si>
  <si>
    <t>Turbidity (cm)</t>
  </si>
  <si>
    <t>Waning Crescent</t>
  </si>
  <si>
    <t>WnC</t>
  </si>
  <si>
    <t>A code indicating the lunar phase class, e.g., FM.</t>
  </si>
  <si>
    <t>Lunar Phase Code</t>
  </si>
  <si>
    <t>Also called 'half moon', and is waning.</t>
  </si>
  <si>
    <t>Third Quarter</t>
  </si>
  <si>
    <t>TQ</t>
  </si>
  <si>
    <t>Waning Gibbous</t>
  </si>
  <si>
    <t>WnG</t>
  </si>
  <si>
    <t>The entire illuminated portion of the moon is visible.</t>
  </si>
  <si>
    <t>Full Moon</t>
  </si>
  <si>
    <t>FM</t>
  </si>
  <si>
    <t>Waxing Gibbous</t>
  </si>
  <si>
    <t>WxG</t>
  </si>
  <si>
    <t>Also called 'half moon', and is waxing.</t>
  </si>
  <si>
    <t>First Quarter</t>
  </si>
  <si>
    <t>FQ</t>
  </si>
  <si>
    <t>Waxing Crescent</t>
  </si>
  <si>
    <t>WxC</t>
  </si>
  <si>
    <t>The moon is dark. Also called 'dark moon'.</t>
  </si>
  <si>
    <t>New Moon</t>
  </si>
  <si>
    <t>The official sunrise time.</t>
  </si>
  <si>
    <t>Official Sunrise</t>
  </si>
  <si>
    <t>Moisture and/or droplets detected on leaves' surfaces.</t>
  </si>
  <si>
    <t>Moist</t>
  </si>
  <si>
    <t>A code indicating the leaf moisture class, e.g. D.</t>
  </si>
  <si>
    <t>Leaf Moisture Code</t>
  </si>
  <si>
    <t>No moisture nor droplets detected on leaves' surfaces.</t>
  </si>
  <si>
    <t>Dry</t>
  </si>
  <si>
    <t>moisture is apparent on ground/vegetation; water is observed if soil/litter is squeezed</t>
  </si>
  <si>
    <t>Wet</t>
  </si>
  <si>
    <t>A code indicating the ground moisture class, e.g., D.</t>
  </si>
  <si>
    <t>Ground Moisture Code</t>
  </si>
  <si>
    <t>moisture is not apparent on ground/vegetation, but soil is moist. Surface litter will stain fingers when rubbed, but no water is apparent when soil/litter is squeezed</t>
  </si>
  <si>
    <t>no apparent moisture on ground/vegetation. Surface litter is dry and will not stain fingers when rubbed</t>
  </si>
  <si>
    <t>The ground surface temperature in degrees Celsius.</t>
  </si>
  <si>
    <t>Ground Temperature (C)</t>
  </si>
  <si>
    <t>Low</t>
  </si>
  <si>
    <t>A code indicating the tide direction, e.g., H.</t>
  </si>
  <si>
    <t>Tide Direction Code</t>
  </si>
  <si>
    <t>Intermediate Flood</t>
  </si>
  <si>
    <t>IF</t>
  </si>
  <si>
    <t>Intermediate Ebb</t>
  </si>
  <si>
    <t>IE</t>
  </si>
  <si>
    <t>High</t>
  </si>
  <si>
    <t>The current wavelet height in centimeters (cm).</t>
  </si>
  <si>
    <t>Wavelet Height (cm)</t>
  </si>
  <si>
    <t>The current swell height in meters (m).</t>
  </si>
  <si>
    <t>Swell Height (m)</t>
  </si>
  <si>
    <t>The sea water surface salinity in parts per thousand (ppt).</t>
  </si>
  <si>
    <t>Sea Surface Salinity (ppt)</t>
  </si>
  <si>
    <t>The sea water surface temperature in degrees Celsius.</t>
  </si>
  <si>
    <t>Sea Surface Temperature (C)</t>
  </si>
  <si>
    <t>Hurricane, 64-71 knots, 45 ft waves.</t>
  </si>
  <si>
    <t>Hurricane</t>
  </si>
  <si>
    <t>A code indicating the strength of the wind, over the sea, using the Beaufort Scale, e.g., 1.</t>
  </si>
  <si>
    <t>Sea Wind Condition Code</t>
  </si>
  <si>
    <t>Violent Storm 53-63 knots, 37 ft waves</t>
  </si>
  <si>
    <t>Violent Storm</t>
  </si>
  <si>
    <t>Storm 48-55 knots, 29 ft waves</t>
  </si>
  <si>
    <t>Storm</t>
  </si>
  <si>
    <t>Strong Gale, 41-47 knots, 23 ft waves.</t>
  </si>
  <si>
    <t>Strong Gale</t>
  </si>
  <si>
    <t>Gale, 34-40 knots, 18 ft. waves.</t>
  </si>
  <si>
    <t>Gale</t>
  </si>
  <si>
    <t>Near Gale, 28-32 knots. 14 ft. waves.</t>
  </si>
  <si>
    <t>Near Gale</t>
  </si>
  <si>
    <t>Strong Breeze, 22-27 knots, 10 ft. waves, longer waves forming, whitecaps everywhere, more spray.</t>
  </si>
  <si>
    <t>Fresh Breeze, 17-21 knots, 16 ft waves, moderate waves, taking longer form, many whitecaps, some spray.</t>
  </si>
  <si>
    <t>Moderate Breeze, 11-16 knots, 4 ft waves, small waves, becoming longer, numerous whitecaps.</t>
  </si>
  <si>
    <t>Gentle Breeze,  7-10 knots, 2 ft. waves, large wavelets, crests begin to break, scattered whitecaps.</t>
  </si>
  <si>
    <t>Light Breeze, 4-6 knots, 1/3 ft. waves, small wavelets, crests of glassy appearance not breaking.</t>
  </si>
  <si>
    <t>Light Air 1-3 knots, 1/4 ft waves, ripples with appearance of scales, no foam crests.</t>
  </si>
  <si>
    <t>Calm 0-1 knots, sea like a mirror</t>
  </si>
  <si>
    <t>The current water temperature in degrees Celsius.</t>
  </si>
  <si>
    <t>Water Temperature (C)</t>
  </si>
  <si>
    <t>Not recorded because information is of no value</t>
  </si>
  <si>
    <t>NR</t>
  </si>
  <si>
    <t>A code indicating the number of days since 5 cm of snow fell. E.g. '3' means less than 14 days.</t>
  </si>
  <si>
    <t>Time Since 5 cm Snow Code</t>
  </si>
  <si>
    <t>More than 14 days, or exactly 14 days, since it snowed last</t>
  </si>
  <si>
    <t>&gt; 14 days</t>
  </si>
  <si>
    <t>Less than 14 days since it snowed last</t>
  </si>
  <si>
    <t>&lt; 14 days</t>
  </si>
  <si>
    <t>Less than 3 days since it snowed last</t>
  </si>
  <si>
    <t>&lt; 3 days</t>
  </si>
  <si>
    <t>Less than half a day since it snowed last</t>
  </si>
  <si>
    <t>&lt; 1/2 day</t>
  </si>
  <si>
    <t>76-100 % of ground covered</t>
  </si>
  <si>
    <t>76-100 %</t>
  </si>
  <si>
    <t>An code indicating the extent of snow cover on the ground. E.g. '3' means 6 to 25%.</t>
  </si>
  <si>
    <t>Snow Cover Code</t>
  </si>
  <si>
    <t>51-75 % of ground covered</t>
  </si>
  <si>
    <t>51-75 %</t>
  </si>
  <si>
    <t>26-50 % of ground covered</t>
  </si>
  <si>
    <t>26-50 %</t>
  </si>
  <si>
    <t>6-25 % of ground covered</t>
  </si>
  <si>
    <t>6-25 %</t>
  </si>
  <si>
    <t>1-5 % of ground covered</t>
  </si>
  <si>
    <t>1-5 %</t>
  </si>
  <si>
    <t>0 % of ground covered</t>
  </si>
  <si>
    <t>&gt;150 cm</t>
  </si>
  <si>
    <t>A code indicating the depth of snow. E.g. '3'  means 6 to 25 cm.</t>
  </si>
  <si>
    <t>Snow Depth Code</t>
  </si>
  <si>
    <t>101-150 cm</t>
  </si>
  <si>
    <t>76-100 cm</t>
  </si>
  <si>
    <t>51-75 cm</t>
  </si>
  <si>
    <t>26-50 cm</t>
  </si>
  <si>
    <t>6-25 cm</t>
  </si>
  <si>
    <t>1-5 cm</t>
  </si>
  <si>
    <t>0 cm</t>
  </si>
  <si>
    <t>A code indicating the extent of cloud cover during the preceding 48 hours, e.g., 3.</t>
  </si>
  <si>
    <t>Prec 48 hr Cloud Cover Code</t>
  </si>
  <si>
    <t>Below Tree Tops</t>
  </si>
  <si>
    <t>BTT</t>
  </si>
  <si>
    <t>A code indicating the height of cloud cover relative to trees and ridges, e.g. VH.</t>
  </si>
  <si>
    <t>Cloud Ceiling Code</t>
  </si>
  <si>
    <t>Above Tree Tops</t>
  </si>
  <si>
    <t>ATT</t>
  </si>
  <si>
    <t>Below Ridge Tops</t>
  </si>
  <si>
    <t>BRT</t>
  </si>
  <si>
    <t>Above Ridge Tops</t>
  </si>
  <si>
    <t>ART</t>
  </si>
  <si>
    <t>Very High</t>
  </si>
  <si>
    <t>VH</t>
  </si>
  <si>
    <t>A code indicating the extent of cloud cover at the start, or end, of sampling, e.g., 2._x000D_
INSTRUCTIONS: By default, all Sampling Conditions are assumed to be recorded for the START of sampling. If conditions are being recorded for the END of sampling, insert column 'Sampling Condition Timing Code' and enter 'END' into the column.</t>
  </si>
  <si>
    <t>Cloud Cover Code</t>
  </si>
  <si>
    <t>Very high altitude wispy clouds</t>
  </si>
  <si>
    <t>Cirrus</t>
  </si>
  <si>
    <t>CI</t>
  </si>
  <si>
    <t>A code indicating the type of clouds, e.g. ST.</t>
  </si>
  <si>
    <t>Cloud Type Code</t>
  </si>
  <si>
    <t>High altitute bands of puffy clouds</t>
  </si>
  <si>
    <t>Cirrocumulus</t>
  </si>
  <si>
    <t>CC</t>
  </si>
  <si>
    <t>Mid altitute continuous clouds</t>
  </si>
  <si>
    <t>Altostratus</t>
  </si>
  <si>
    <t>AS</t>
  </si>
  <si>
    <t>Mid altitude fluffy clouds</t>
  </si>
  <si>
    <t>Altocumulus</t>
  </si>
  <si>
    <t>AC</t>
  </si>
  <si>
    <t>Big, tall fluffy clouds</t>
  </si>
  <si>
    <t>Cumulus</t>
  </si>
  <si>
    <t>CU</t>
  </si>
  <si>
    <t>Low fluffy clouds</t>
  </si>
  <si>
    <t>Stratocumulus</t>
  </si>
  <si>
    <t>SC</t>
  </si>
  <si>
    <t>Low, heavy rain clouds</t>
  </si>
  <si>
    <t>Nimbostratus</t>
  </si>
  <si>
    <t>NS</t>
  </si>
  <si>
    <t>Low, continuous-cover clouds</t>
  </si>
  <si>
    <t>Stratus</t>
  </si>
  <si>
    <t>A code indicating the type of precipitation that occurred during the preceding 48 hours, e.g., S.</t>
  </si>
  <si>
    <t>Prec 48 hr Precip Code</t>
  </si>
  <si>
    <t>The amount of rain that fell within the last 48 hours (mm).</t>
  </si>
  <si>
    <t>Rainfall over 48 hours (mm)</t>
  </si>
  <si>
    <t>The amount of rainfall that fell within the last 24 hours (mm).</t>
  </si>
  <si>
    <t>Rainfall over 24 hours (mm)</t>
  </si>
  <si>
    <t>A code indicating the type of precipitation that was occuring at the start, or end, of sampling, e.g., D._x000D_
INSTRUCTIONS: By default, all Sampling Conditions are assumed to be recorded for the START of sampling. If conditions are being recorded for the END of sampling, insert column 'Sampling Condition Timing Code' and enter 'END' into the column.</t>
  </si>
  <si>
    <t>Precipitation Code</t>
  </si>
  <si>
    <t>A code indicating the wind speed during the previous 48 hours, e.g., 1.</t>
  </si>
  <si>
    <t>Prec 48 hr Wind Speed Code</t>
  </si>
  <si>
    <t>A code indicating the direction of the wind recorded as a cardinal direction, e.g., NE.</t>
  </si>
  <si>
    <t>Wind Direction Code</t>
  </si>
  <si>
    <t>A code indicating the strength of the wind at the start, or end, of sampling, using the Beaufort Scale, e.g., 1._x000D_
INSTRUCTIONS: By default, all Sampling Conditions are assumed to be recorded for the START of sampling. If conditions are being recorded for the END of sampling, insert column 'Sampling Condition Timing Code' and enter 'END' into the column.</t>
  </si>
  <si>
    <t>Wind Speed Code</t>
  </si>
  <si>
    <t>The air temperature during the previous 48 hours, in degrees Celsius.</t>
  </si>
  <si>
    <t>Prec 48 hr Air Temp (C)</t>
  </si>
  <si>
    <t>The air temperature in degrees Celsius at the start, or end, of sampling, e.g., 15._x000D_
INSTRUCTIONS: By default, all Sampling Conditions are assumed to be recorded for the START of sampling. If conditions are being recorded for the END of sampling, insert column 'Sampling Condition Timing Code' and enter 'END' into the column.</t>
  </si>
  <si>
    <t>Air Temp (C)</t>
  </si>
  <si>
    <t>The date and time for which Sampling Conditions are recorded._x000D_
INSTRUCTIONS: If this is the same as the Sample Station Visit date and time, this may be omitted._x000D_
For clarity, do not use a 2-digit month format nor a 2-digit year format. A reliable format is dd-mmm-yyyy (e.g. '7 Jun 2008' or '7-Jun-2008'). When entering the date into Excel ensure that Excel interprets it as correct date information._x000D_
Similarly, for clarity use a 24 hour time format with colons (e.g. 13:45) and ensure that Excel interprets it correctly.</t>
  </si>
  <si>
    <t>SC DateTime</t>
  </si>
  <si>
    <t>Sampling Conditions were recorded at the END of a Design Component Visit.</t>
  </si>
  <si>
    <t>End</t>
  </si>
  <si>
    <t>END</t>
  </si>
  <si>
    <t>A code indicating the moment for which Sampling Conditions are recorded, e.g. START._x000D_
INSTRUCTIONS: This moment is typically defined as either at the START of a Sample Station Visit, or at the END of a Sample Station Visit.</t>
  </si>
  <si>
    <t>Sampling Condition Timing Code</t>
  </si>
  <si>
    <t>Sampling Conditions were recorded at the START of a Design Component Visit.</t>
  </si>
  <si>
    <t>Start</t>
  </si>
  <si>
    <t>START</t>
  </si>
  <si>
    <t>You may insert additional predefined columns that are relevant to Sample Station Visits._x000D_
INSTRUCTIONS: Double-click on the column header again now (while Data-entry Assistant is open) to insert predefined columns and codes relevant to Block Visits.</t>
  </si>
  <si>
    <t>Sample Station Visit</t>
  </si>
  <si>
    <t>Sample Station Visit Photos</t>
  </si>
  <si>
    <t>Comments about a visit to, or deployment at, a Sample Station.</t>
  </si>
  <si>
    <t>Sample Station Visit Comments</t>
  </si>
  <si>
    <t>The type of bait or lure used to attract species to a trap or detector over the course of a visit to, or deployment at, a Sample Station. Values are freeform, e.g., 'jam', 'peanuts'.</t>
  </si>
  <si>
    <t>Bait Lure Type</t>
  </si>
  <si>
    <t>The set minimum length of video time, in seconds, that a camera should record when triggered.</t>
  </si>
  <si>
    <t>Video Length per Trigger (s)</t>
  </si>
  <si>
    <t>The set number of photos that a camera should record when triggered.</t>
  </si>
  <si>
    <t>Photos per Trigger</t>
  </si>
  <si>
    <t>The set time span, in seconds, between automated regularly-timed recording events.</t>
  </si>
  <si>
    <t>Trigger Timing (s)</t>
  </si>
  <si>
    <t>The setting of the trigger sensitivity of a trap or detector. This is freeform and the names of the settings depend on the make and model of the trap or detector. E.g., medium.</t>
  </si>
  <si>
    <t>Trigger Sensitivity</t>
  </si>
  <si>
    <t>The set minimum time span permitted, in seconds, between the end of a recording event (e.g. photograph or video) and the triggering of a subsequent recording event.</t>
  </si>
  <si>
    <t>Quiet Period (s)</t>
  </si>
  <si>
    <t>The distance (km) traversed along a transect, during a visit to a Sample Station.</t>
  </si>
  <si>
    <t>Distance Covered (km)</t>
  </si>
  <si>
    <t>The number of nights that trapping (or other detection techniques) took place over the course of deployment at a Sample Station._x000D_
INSTRUCTIONS: Typically this is the number of nights since the last visit to the Sample Station.</t>
  </si>
  <si>
    <t>Nights Deployed</t>
  </si>
  <si>
    <t>The number of samples or detections (e.g. photos via remote camera) obtained at a  Sample Station over the course of a visit to, or deployment at, the Sample Station.</t>
  </si>
  <si>
    <t>Number of Visits or Samples</t>
  </si>
  <si>
    <t>The number of traps, or other capture/detection mechnisms, that were inoperable or sprung without a capture/detection.</t>
  </si>
  <si>
    <t>Number of Traps Sprung</t>
  </si>
  <si>
    <t>Trap locked open and possibly prebaited</t>
  </si>
  <si>
    <t>Setup</t>
  </si>
  <si>
    <t>SETUP</t>
  </si>
  <si>
    <t>A code indicating the setting of a trap or detector at the end of a visit to the trap or detector, e.g., SET.</t>
  </si>
  <si>
    <t>Trap Event Code</t>
  </si>
  <si>
    <t>Trap activated and ready for capture, or detector activated and ready for detecting.</t>
  </si>
  <si>
    <t>Set</t>
  </si>
  <si>
    <t>SET</t>
  </si>
  <si>
    <t>Trap deactivated, or detector deactivated.</t>
  </si>
  <si>
    <t>Closed</t>
  </si>
  <si>
    <t>CLOSE</t>
  </si>
  <si>
    <t>Nights</t>
  </si>
  <si>
    <t>The unit for the amount of time spanned during a visit to, or deployment at, a Sample Station.</t>
  </si>
  <si>
    <t>Unit of Total Time Code</t>
  </si>
  <si>
    <t>Days</t>
  </si>
  <si>
    <t>Hours</t>
  </si>
  <si>
    <t>Minutes</t>
  </si>
  <si>
    <t>The amount of time spanned during a visit to, or deployment at, a Sample Station. If Sample Stations are nested (e.g. multiple cameras at one Sample Station) then this may be the totalled time spans of the multiple cameras.</t>
  </si>
  <si>
    <t>Total Visit or Deployment Time</t>
  </si>
  <si>
    <t>The time at the end of a visit to, or deployment at, a Sample Station._x000D_
INSTRUCTIONS: Use colons (e.g. 13:25).
 For quality assurance reasons you should use a colon because then Excel will automatically recognize it as time information and you will immediately notice obviously incorrect entries such as 26:44. The format that Excel displays does not matter as long as Excel recognizes it as legitimate time information.</t>
  </si>
  <si>
    <t>The date at the end of visit to, or deployment at, a Sample Station.</t>
  </si>
  <si>
    <t>Visit End Date</t>
  </si>
  <si>
    <t>The time, in 24 hour format, at the start of a visit to a Sample Station, or the time at the start of deployment (e.g. of a trap or detector) at a Sample Station._x000D_
INSTRUCTIONS: Use colons (e.g. 13:25)._x000D_
For quality assurance reasons you should use a colon because then Excel will automatically recognize it as time information and you will immediately notice obviously incorrect entries such as 26:44. The format that Excel displays does not matter as long as Excel recognizes it as legitimate time information.</t>
  </si>
  <si>
    <t>The date of a visit to a Sample Station, or the date of the start of a deployment (e.g., of a trap or detector) at a Sample Station._x000D_
INSTRUCTIONS: The date may not span days._x000D_
For clarity, on your field forms do not use a 2-digit month format nor a 2-digit year format. A reliable format is dd-mmm-yyyy (e.g. '7 Jun 2008' or '7-Jun-2008'). When entering the date into Excel ensure that Excel interprets it as correct date information.</t>
  </si>
  <si>
    <t>Survey Stratum</t>
  </si>
  <si>
    <t>A description of the criteria that defines a stratum. E.g. low means 5-35 elk, medium means 35-85 elk, high means &gt;85 elk; S1 means young forest and shrubby areas, S2 means forests &gt;40 years old._x000D_
INSTRUCTIONS: This description needs to be provided only once for each stratum.</t>
  </si>
  <si>
    <t>A unique label of a stratum. E.g. 'high', 'medium', 'low' or 'S1', 'S2', 'S3', etc._x000D_
INSTRUCTIONS: Enter the label of the stratum in which the Sample Station is situated.</t>
  </si>
  <si>
    <t>You may insert additional predefined columns and codes relevant to Sample Stations._x000D_
INSTRUCTIONS: Double-click on the column header again now (while Data-entry Assistant is open) to insert predefined columns and codes relevant to Sample Stations.</t>
  </si>
  <si>
    <t>Informative comments and/or notes about the photos, or other Standard Digital Files* associated with a Sample Station.</t>
  </si>
  <si>
    <t>Informative comment(s) about a Sample Station.</t>
  </si>
  <si>
    <t>The name of the model of a trap or detector. Values are freeform. E.g. 'SM4', 'PC900'.</t>
  </si>
  <si>
    <t>Model of Device</t>
  </si>
  <si>
    <t>Wildgame Innovations</t>
  </si>
  <si>
    <t>WI</t>
  </si>
  <si>
    <t>A code indicating the the make or brand of a trap or detector. E.g. 'RE'.</t>
  </si>
  <si>
    <t>Make of Device Code</t>
  </si>
  <si>
    <t>TrailMaster</t>
  </si>
  <si>
    <t>TM</t>
  </si>
  <si>
    <t>Stealth Cam</t>
  </si>
  <si>
    <t>Spypoint</t>
  </si>
  <si>
    <t>SP</t>
  </si>
  <si>
    <t>Spartan</t>
  </si>
  <si>
    <t>SN</t>
  </si>
  <si>
    <t>RidgeTec</t>
  </si>
  <si>
    <t>RT</t>
  </si>
  <si>
    <t>Reconyx</t>
  </si>
  <si>
    <t>Moultrie</t>
  </si>
  <si>
    <t>MO</t>
  </si>
  <si>
    <t>LTL Acorn</t>
  </si>
  <si>
    <t>LA</t>
  </si>
  <si>
    <t>Covert</t>
  </si>
  <si>
    <t>Cabelas</t>
  </si>
  <si>
    <t>Bushnell</t>
  </si>
  <si>
    <t>Browning</t>
  </si>
  <si>
    <t>BR</t>
  </si>
  <si>
    <t>The height of a trap in cm.</t>
  </si>
  <si>
    <t>Trap Height (cm)</t>
  </si>
  <si>
    <t>The width of a trap in cm.</t>
  </si>
  <si>
    <t>Trap Width (cm)</t>
  </si>
  <si>
    <t>The length of a trap in cm.</t>
  </si>
  <si>
    <t>Trap Length (cm)</t>
  </si>
  <si>
    <t>The number of traps or detectors in/at a Sample Station.</t>
  </si>
  <si>
    <t>Number of Devices</t>
  </si>
  <si>
    <t>Arthropod - Search (lookup/look down)</t>
  </si>
  <si>
    <t>Arthropod - Search</t>
  </si>
  <si>
    <t>SRCH</t>
  </si>
  <si>
    <t>A code indicating the type of trap or detector.</t>
  </si>
  <si>
    <t>Type of Device Code</t>
  </si>
  <si>
    <t>Arthropod - Beating &amp;/or Sweeping</t>
  </si>
  <si>
    <t>SWEP</t>
  </si>
  <si>
    <t>Arthropod - Litter Sifting</t>
  </si>
  <si>
    <t>SIFT</t>
  </si>
  <si>
    <t>Arthropod - Light Trap</t>
  </si>
  <si>
    <t>LGHT</t>
  </si>
  <si>
    <t>Arthropod -Soil Core</t>
  </si>
  <si>
    <t>CORE</t>
  </si>
  <si>
    <t>Arthropod - Pan/Window Trap</t>
  </si>
  <si>
    <t>PAN</t>
  </si>
  <si>
    <t>Arthropod - Flight Trap</t>
  </si>
  <si>
    <t>FLT</t>
  </si>
  <si>
    <t>Trap - Snare</t>
  </si>
  <si>
    <t>Trap - Snare trap</t>
  </si>
  <si>
    <t>SNAR</t>
  </si>
  <si>
    <t>Trap - Snap trap</t>
  </si>
  <si>
    <t>SNAP</t>
  </si>
  <si>
    <t>Trap - padded leg hold trap</t>
  </si>
  <si>
    <t>Trap - Leg hold trap</t>
  </si>
  <si>
    <t>LEG</t>
  </si>
  <si>
    <t>Trap - Harp trap (bats)</t>
  </si>
  <si>
    <t>Trap - Harp Trap</t>
  </si>
  <si>
    <t>HARP</t>
  </si>
  <si>
    <t>Trap - Artificial Cover Object (salamanders)</t>
  </si>
  <si>
    <t>Trap - Artificial Cover Object</t>
  </si>
  <si>
    <t>ACO</t>
  </si>
  <si>
    <t>Trap - Throw trap (amphibian larvae)</t>
  </si>
  <si>
    <t>Trap - Throw trap</t>
  </si>
  <si>
    <t>THRO</t>
  </si>
  <si>
    <t>Trap - Minnow trap (pond breeding amphibians)</t>
  </si>
  <si>
    <t>Trap - Minnow trap</t>
  </si>
  <si>
    <t>MINN</t>
  </si>
  <si>
    <t>Trap - Funnel trap</t>
  </si>
  <si>
    <t>FUNN</t>
  </si>
  <si>
    <t>Trap - Any walk-in containment trap (Bolton, Havahart, Longworth, box, barrel, culvert, corral, etc) generally has a door that opens and closes.</t>
  </si>
  <si>
    <t>Trap - Containment trap</t>
  </si>
  <si>
    <t>CAGE</t>
  </si>
  <si>
    <t>Pitfall - Floating pitfall trap (pond turtles)</t>
  </si>
  <si>
    <t>Pitfall - Floating pitfall trap</t>
  </si>
  <si>
    <t>FPIT</t>
  </si>
  <si>
    <t>Pitfall - Basic pitfall trap (a hole in the ground into which an animal falls)</t>
  </si>
  <si>
    <t>Pitfall - Pitfall</t>
  </si>
  <si>
    <t>PIT</t>
  </si>
  <si>
    <t>Net - Seine net</t>
  </si>
  <si>
    <t>SEIN</t>
  </si>
  <si>
    <t>Net - Mist Net</t>
  </si>
  <si>
    <t>Net - Mist net</t>
  </si>
  <si>
    <t>MIST</t>
  </si>
  <si>
    <t>Net - Net (handheld;dip)</t>
  </si>
  <si>
    <t>Net - Dip net</t>
  </si>
  <si>
    <t>NDIP</t>
  </si>
  <si>
    <t>Net - Drop net (ungulates)</t>
  </si>
  <si>
    <t>Net - Net gun</t>
  </si>
  <si>
    <t>NGUN</t>
  </si>
  <si>
    <t>Net - Drop net</t>
  </si>
  <si>
    <t>DROP</t>
  </si>
  <si>
    <t>Detector - Baited/scented station for collecting tracks (may use track plates, sand or snow)</t>
  </si>
  <si>
    <t>Detector - Track station</t>
  </si>
  <si>
    <t>TRCK</t>
  </si>
  <si>
    <t>Detector - Remotely operated camera station</t>
  </si>
  <si>
    <t>Detector - Camera station</t>
  </si>
  <si>
    <t>CAMR</t>
  </si>
  <si>
    <t>Hair snag trap of a type described in comments.
Note: Describing the data in comments rather than using a predefined code may reduce the clarity and accessibility of data.</t>
  </si>
  <si>
    <t>Hair - Described in Comments</t>
  </si>
  <si>
    <t>HR-DC</t>
  </si>
  <si>
    <t>Hair snag trap made carpet laying spiked boards</t>
  </si>
  <si>
    <t>Hair - carpet boards</t>
  </si>
  <si>
    <t>HR-CA</t>
  </si>
  <si>
    <t>Hair snag trap made from Velcro</t>
  </si>
  <si>
    <t>Hair - Velcro</t>
  </si>
  <si>
    <t>HR-VE</t>
  </si>
  <si>
    <t>Hair snag trap comprised of no barbed wired, but only comprised of a rub surface.</t>
  </si>
  <si>
    <t>Hair - no barbed wire - rub surface</t>
  </si>
  <si>
    <t>HR-NB-RS</t>
  </si>
  <si>
    <t>Hair snag trap made from barbed wire mounted alongside or on a trail the animal uses.</t>
  </si>
  <si>
    <t>Hair - barbed wire on trail</t>
  </si>
  <si>
    <t>HR-BA-TR</t>
  </si>
  <si>
    <t>Hair snag trap made from barbed wire attached to a surface an animal uses for rubbing against.</t>
  </si>
  <si>
    <t>Hair - barbed wire on a rub surface</t>
  </si>
  <si>
    <t>HR-BA-RS</t>
  </si>
  <si>
    <t>Hair snag trap made from barbed wire mounted around, alongside or near a location to which animals are attracted with bait.</t>
  </si>
  <si>
    <t>Hair - barbed wire at bait station</t>
  </si>
  <si>
    <t>HR-BA-BS</t>
  </si>
  <si>
    <t>Hair snag trap made from barbed wire</t>
  </si>
  <si>
    <t>Hair - barbed wire</t>
  </si>
  <si>
    <t>HR-BA</t>
  </si>
  <si>
    <t>Hair snag trap (e.g. barbed wire, Velcro, sticky stuff). Type of hair snag trap not specified.</t>
  </si>
  <si>
    <t>Hair - general</t>
  </si>
  <si>
    <t>HR-GE</t>
  </si>
  <si>
    <t>Capture - by darting a free roaming animal</t>
  </si>
  <si>
    <t>Capture - Dart capture</t>
  </si>
  <si>
    <t>DART</t>
  </si>
  <si>
    <t>The type of Sampling Station, described using free-form text.</t>
  </si>
  <si>
    <t>Station Type</t>
  </si>
  <si>
    <t>The latitude of the centroid of a Block, or the latitude of the location of a Sample Station, Trap, or Detector, in decimal degrees._x000D_
INSTRUCTIONS: Do not enter Long-Lat coordinates if UTM coordinates are provided.</t>
  </si>
  <si>
    <t>The longitude of the centroid of a Block, or the longitude of the location of a Sample Station, Trap, or Detector, in decimal degrees._x000D_
INSTRUCTIONS: Do not enter Long-Lat coordinates if UTM coordinates are provided.</t>
  </si>
  <si>
    <t>The UTM northing of the centroid of a Block, or the UTM northing of the location of a Sample Station, Trap, or Detector._x000D_
INSTRUCTIONS: UTM coordinates must be recorded using NAD 83 datum._x000D_
Do not enter UTM coordinates if Long-Lat coordinates are provided.</t>
  </si>
  <si>
    <t>The UTM easting of the centroid of a Block, or the UTM easting of the location of a Sample Station, Trap, or Detector._x000D_
INSTRUCTIONS: UTM coordinates must be recorded using NAD 83 datum._x000D_
Do not enter UTM coordinates if Long-Lat coordinates are provided.</t>
  </si>
  <si>
    <t>The UTM zone of the centroid of a Block, or the UTM zone of the location of a Sample Station, Trap, or Detector._x000D_
INSTRUCTIONS: Do not enter UTM coordinates if Long-Lat coordinates are provided.</t>
  </si>
  <si>
    <t>The label of the 'parent' Sample Station; i.e., the label of the Sample Station within which a Sample Station is nested; i.e., the label of the Sample Station that is one hierarchical level higher. If Sample Stations are not nested, this will be empty._x000D_
INSTRUCTIONS: Spatial polygons and lines must be submited for all Blocks and Transects respectively._x000D_
If your design involves nesting, enter the label of the parent Sample Station. For example, if Block C is nested within Block B and Block B is nested within Block A, the parent Blocks are Block B and Block A, respectively._x000D_
If Sample Stations are not nested, this will be empty.</t>
  </si>
  <si>
    <t>Parent Sample Station Label</t>
  </si>
  <si>
    <t>Survey</t>
  </si>
  <si>
    <t>Survey designed to determine total numbers or density of a species. Estimates of absolute abundance are often obtained in similar ways to relative abundance; however, the estimates are applied to a specified area.</t>
  </si>
  <si>
    <t>Absolute Abundance</t>
  </si>
  <si>
    <t>AA</t>
  </si>
  <si>
    <t>A code indicating the level of species-presence information to be derived from a Survey, e.g., AA.</t>
  </si>
  <si>
    <t>Survey designed to provide indices of population sizes which usually cannot be converted to an estimate of absolute abundance. However, providing survey bias is constant, the results can provide comparable estimates of abundance between localities and species, or within species over time. These indices are usually based on some measure of effort such as a unit of time or distance travelled.</t>
  </si>
  <si>
    <t>Relative Abundance</t>
  </si>
  <si>
    <t>RA</t>
  </si>
  <si>
    <t>Survey designed to determine a species' occurrence in an area.</t>
  </si>
  <si>
    <t>Presence/Not detected (possible)</t>
  </si>
  <si>
    <t>PN</t>
  </si>
  <si>
    <t>The name of a Survey._x000D_
INSTRUCTIONS: Generally the Survey Name should be meaningful in terms of the target taxa, geographic area and calendar year for which the Survey is being conducted._x000D_
Format is Survey Year - Species - Specific Survey Type - Study Area (location). E.g. 2016 - Mule Deer - Composition - Vancouver Island._x000D_
If the entire scope of the Project consists of only this survey, then the Survey Name may be the same as the Project Name.</t>
  </si>
  <si>
    <t>Project</t>
  </si>
  <si>
    <t>The name of the species inventory Project._x000D_
INSTRUCTIONS: Format is Start Year-End Year - Species (or species group) - General Survey Type - Project Boundary (location) - FLNRO Region._x000D_
E.g. 1976-ongoing - Roosevelt Elk - Inventory - Vancouver Island - West Coast Region.</t>
  </si>
  <si>
    <t>A unique numeric SPI-generated identifier permanently assigned to a Project. Project IDs are assigned after Projects are submitted here: www.gov.bc.ca/submit-wildlife-data.</t>
  </si>
  <si>
    <t>Column For</t>
  </si>
  <si>
    <t>Code Description</t>
  </si>
  <si>
    <t>Code Meaning</t>
  </si>
  <si>
    <t>Code for in Column</t>
  </si>
  <si>
    <t>Column Description</t>
  </si>
  <si>
    <t>Column Name</t>
  </si>
  <si>
    <t>Add your column name here</t>
  </si>
  <si>
    <t>Add your column description here</t>
  </si>
  <si>
    <t>Add new codes here</t>
  </si>
  <si>
    <t>Add code meanings here</t>
  </si>
  <si>
    <t>Add code descriptions here</t>
  </si>
  <si>
    <t>Tree Species Code</t>
  </si>
  <si>
    <t>Tree Used for Activity Flag</t>
  </si>
  <si>
    <t>Tree Is Standing Flag</t>
  </si>
  <si>
    <t>DBH (cm)</t>
  </si>
  <si>
    <t>Circum (cm)</t>
  </si>
  <si>
    <t>Tree Height (m)</t>
  </si>
  <si>
    <t>Height to Live Crown (m)</t>
  </si>
  <si>
    <t>Aspect of Ground Code</t>
  </si>
  <si>
    <t>Slope of Ground (deg)</t>
  </si>
  <si>
    <t>Crown Class Code</t>
  </si>
  <si>
    <t>Crown Condition Code</t>
  </si>
  <si>
    <t>Tree Decay Class Code</t>
  </si>
  <si>
    <t>Bark Retention Code</t>
  </si>
  <si>
    <t>Epiphyte Extent Code</t>
  </si>
  <si>
    <t>Epiphyte Thickness Code</t>
  </si>
  <si>
    <t>Lichen Abundance Code</t>
  </si>
  <si>
    <t>Mistletoe Lower-third Code</t>
  </si>
  <si>
    <t>Mistletoe Mid-third Code</t>
  </si>
  <si>
    <t>Mistletoe Upper-third Code</t>
  </si>
  <si>
    <t>A code, used by forestry in BC, that indicates the species of a tree, e.g. Fd._x000D_
INSTRUCTIONS: _x000D_
Codes are available at: http://www.for.gov.bc.ca/hre/becweb/resources/codes-standards/standards-species.html</t>
  </si>
  <si>
    <t>Ac</t>
  </si>
  <si>
    <t>balsam poplar</t>
  </si>
  <si>
    <t>Populus balsamifera</t>
  </si>
  <si>
    <t>Act</t>
  </si>
  <si>
    <t>black cottonwood</t>
  </si>
  <si>
    <t>Populus trichocarpa</t>
  </si>
  <si>
    <t>At</t>
  </si>
  <si>
    <t>trembling aspen</t>
  </si>
  <si>
    <t>Populus tremuloides</t>
  </si>
  <si>
    <t>Bg</t>
  </si>
  <si>
    <t>grand fir</t>
  </si>
  <si>
    <t>Abies grandis</t>
  </si>
  <si>
    <t>Bl</t>
  </si>
  <si>
    <t>subalpine fir</t>
  </si>
  <si>
    <t>Abies lasiocarpa var. lasiocarpa</t>
  </si>
  <si>
    <t>Cw</t>
  </si>
  <si>
    <t>western redcedar</t>
  </si>
  <si>
    <t>Thuja plicata</t>
  </si>
  <si>
    <t>Ep</t>
  </si>
  <si>
    <t>paper birch</t>
  </si>
  <si>
    <t>Betula papyrifera</t>
  </si>
  <si>
    <t>Fd</t>
  </si>
  <si>
    <t>Douglas-fir</t>
  </si>
  <si>
    <t>Pseudotsuga menziesii</t>
  </si>
  <si>
    <t>Hw</t>
  </si>
  <si>
    <t>western hemlock</t>
  </si>
  <si>
    <t>Tsuga heterophylla</t>
  </si>
  <si>
    <t>Lw</t>
  </si>
  <si>
    <t>western larch</t>
  </si>
  <si>
    <t>Larix occidentalis</t>
  </si>
  <si>
    <t>Pa</t>
  </si>
  <si>
    <t>whitebark pine</t>
  </si>
  <si>
    <t>Pinus albicaulis</t>
  </si>
  <si>
    <t>Pl</t>
  </si>
  <si>
    <t>lodgepole pine</t>
  </si>
  <si>
    <t>Pinus contorta var latifolia</t>
  </si>
  <si>
    <t>Pw</t>
  </si>
  <si>
    <t>western white pine</t>
  </si>
  <si>
    <t>Pinus monticola</t>
  </si>
  <si>
    <t>Py</t>
  </si>
  <si>
    <t>ponderosa pine</t>
  </si>
  <si>
    <t>Pinus ponderosa</t>
  </si>
  <si>
    <t>Se</t>
  </si>
  <si>
    <t>Englelmann spruce</t>
  </si>
  <si>
    <t>Picea engelmannii</t>
  </si>
  <si>
    <t>A Y/N indicating whether there is sign in or on the tree that your target taxa has used the tree for an activity. Specify the activity in the 'Activity Code' data field.</t>
  </si>
  <si>
    <t>Yes</t>
  </si>
  <si>
    <t>No</t>
  </si>
  <si>
    <t>UN</t>
  </si>
  <si>
    <t>Not Evaluated</t>
  </si>
  <si>
    <t>A Y/N indicating whether a tree or portion of tree with the root attached is self-supporting (i.e., the tree would remain standing if all supporting materials were removed). A not-standing (fallen) tree is a tree in which the tree, or portion of tree, with the root attached is not self-supporting, and greater than 1.3 m in length.</t>
  </si>
  <si>
    <t>Tree diameter, measured at breast height (1.3 m above the point of germination) (cm)</t>
  </si>
  <si>
    <t>The circumference of a tree measured at breast height (1.3 m above the point of germination) (cm).</t>
  </si>
  <si>
    <t>The measured or estimated height or length of a tree (m).</t>
  </si>
  <si>
    <t>The height, in metres, to live crown (effective portion of the live crown for growth). This is normally the height on the stem at which live branches occupy about three-quarters of the stem circumference. Enter negative one (-1) for trees with no "effective" crown (e.g., only a few green branches).</t>
  </si>
  <si>
    <t>A code indicating the aspect of the ground, as a cardinal direction, on which a nest tree is located, e.g., NW.</t>
  </si>
  <si>
    <t>The slope of ground, in degrees.</t>
  </si>
  <si>
    <t>A code indicating the crown class of a tree, e.g., D.</t>
  </si>
  <si>
    <t>Dominant</t>
  </si>
  <si>
    <t>Trees with crown extending above the general level of the layer; somewhat taller than the codominant trees, and have well developed crowns, which may be somewhat crowded on the sides.</t>
  </si>
  <si>
    <t>Codominant</t>
  </si>
  <si>
    <t>Trees with crowns forming the general level of the crown canopy; crown is generally smaller than those of the dominant trees and usually more crowded on the sides.</t>
  </si>
  <si>
    <t>Intermediate</t>
  </si>
  <si>
    <t>Trees with crowns below, but extending into the general level of the crown canopy; crowns usually small and quite crowded on the sides.</t>
  </si>
  <si>
    <t>Suppressed</t>
  </si>
  <si>
    <t>Trees with crowns entirely below the general level of the crown canopy.</t>
  </si>
  <si>
    <t>A code indicating the condition of a tree's crown, e.g., 1.</t>
  </si>
  <si>
    <t>All foliage, twigs, and branches present</t>
  </si>
  <si>
    <t>Some or all foliage lost; possibly some twigs lost; all branches usually present; possible broken top</t>
  </si>
  <si>
    <t>No foliage present; up to 50% of twigs lost; most branches present; possible broken top</t>
  </si>
  <si>
    <t>No foliage or twigs present; up to 50% of branches lost; top usually broken</t>
  </si>
  <si>
    <t>Most branches gone; some sound branch stubs remain; top broken 6 No branches present; some sound and rotting branch stubs, top broken</t>
  </si>
  <si>
    <t>No branches present; some sound and rotting branch stubs, top broken</t>
  </si>
  <si>
    <t>A code indicating the decay class of a tree using the BC Wildlife tree classification system, e.g. E1.</t>
  </si>
  <si>
    <t>E1</t>
  </si>
  <si>
    <t>Evergreen: live/healthy</t>
  </si>
  <si>
    <t>E2</t>
  </si>
  <si>
    <t>Evergreen: live/diseased or damaged</t>
  </si>
  <si>
    <t>E3</t>
  </si>
  <si>
    <t>Evergreen: dead/very hard wood with little external deterioration</t>
  </si>
  <si>
    <t>E4</t>
  </si>
  <si>
    <t>Evergreen: dead/ hard wood with some external deterioration</t>
  </si>
  <si>
    <t>E5</t>
  </si>
  <si>
    <t>Evergreen: dead/spongy wood with extensive external deterioration</t>
  </si>
  <si>
    <t>E6</t>
  </si>
  <si>
    <t>Evergreen: dead/soft wood, trunk broken-off</t>
  </si>
  <si>
    <t>E7</t>
  </si>
  <si>
    <t>Evergreen: dead/very soft wood, trunk broken-off</t>
  </si>
  <si>
    <t>E8</t>
  </si>
  <si>
    <t>Evergreen: decayed stump</t>
  </si>
  <si>
    <t>E9</t>
  </si>
  <si>
    <t>Evergreen: debris</t>
  </si>
  <si>
    <t>D1</t>
  </si>
  <si>
    <t>Deciduous: Live/healthy: no decay</t>
  </si>
  <si>
    <t>D2</t>
  </si>
  <si>
    <t>Deciduous: Live with defects: dead or broken top, dead limbs, fungal conks. dying tree</t>
  </si>
  <si>
    <t>D3</t>
  </si>
  <si>
    <t>Deciduous: Dead: most limbs intact, some internal rot, top usually broken</t>
  </si>
  <si>
    <t>D4</t>
  </si>
  <si>
    <t>Deciduous: Dead: most limbs gone, top broken, extensive heartrot</t>
  </si>
  <si>
    <t>D5</t>
  </si>
  <si>
    <t>Deciduous: Dead: top 1/3 or more broken off, no branches, extensive heartrot</t>
  </si>
  <si>
    <t>D6</t>
  </si>
  <si>
    <t>Deciduous: Dead, fallen: downed trees, coarse woody debris</t>
  </si>
  <si>
    <t>A code indicating the proportion of bark remaining on a tree, e.g., 1.</t>
  </si>
  <si>
    <t>All bark present</t>
  </si>
  <si>
    <t>Bark lost on damaged areas only (&lt; 5% lost)</t>
  </si>
  <si>
    <t>Most bark present; bare patches; some bark may be loose (5-25% lost)</t>
  </si>
  <si>
    <t>Bare sections; firm and loose bark remains (26-50% lost)</t>
  </si>
  <si>
    <t>Most bark gone; firm and loose bark remains (51-75% lost)</t>
  </si>
  <si>
    <t>Trace of bark remains (76-99% lost)</t>
  </si>
  <si>
    <t>No bark (100% lost)</t>
  </si>
  <si>
    <t>A code indicating the extent of epiphyte cover on a tree, e.g., 1.</t>
  </si>
  <si>
    <t>none</t>
  </si>
  <si>
    <t>trace</t>
  </si>
  <si>
    <t>1-33%</t>
  </si>
  <si>
    <t>34-66%</t>
  </si>
  <si>
    <t>67-100%</t>
  </si>
  <si>
    <t>A code indicating the thickness of epiphyte cover on a tree, e.g. A.</t>
  </si>
  <si>
    <t>Thickmat</t>
  </si>
  <si>
    <t>A code indicating the mass of lichen on branches that are within 4.5 m of the ground or root collar, e.g., 1._x000D_
The code categories are defined using photos in Estimating the Abundance of Arboreal Forage Lichens, Land Management Handbook Field Guide Insert 7, by Armleder et al. June 1992 (https://www.for.gov.bc.ca/hfd/pubs/Docs/Fgi/Fgi07.pdf)._x000D_
A code of '0' (zero) indicates no lichens, whether it is a live tree with branches and foliage or a dead tree._x000D_
INSTRUCTIONS: If a tree has lichens but none are below the 4.5 m mark, code as '0' (zero).</t>
  </si>
  <si>
    <t>Zero grams of lichen below 4.5 m.</t>
  </si>
  <si>
    <t>&gt;0 - 5 g</t>
  </si>
  <si>
    <t>More than 0 g and less than or equal to 5 g of lichen below 4.5 m. See photos in https://www.for.gov.bc.ca/hfd/pubs/Docs/Fgi/Fgi07.pdf</t>
  </si>
  <si>
    <t>&gt;5 - 50</t>
  </si>
  <si>
    <t>More than 5 g and less than or equal to 50 g of lichen below 4.5 m. See photos in https://www.for.gov.bc.ca/hfd/pubs/Docs/Fgi/Fgi07.pdf</t>
  </si>
  <si>
    <t>&gt;50 - 250</t>
  </si>
  <si>
    <t>More than 50 g and less than or equal to 250 g of lichen below 4.5 m. See photos in https://www.for.gov.bc.ca/hfd/pubs/Docs/Fgi/Fgi07.pdf</t>
  </si>
  <si>
    <t>&gt;250 - 650</t>
  </si>
  <si>
    <t>More than 250 g and less than or equal to 650 g of lichen below 4.5 m.  See photos in https://www.for.gov.bc.ca/hfd/pubs/Docs/Fgi/Fgi07.pdf</t>
  </si>
  <si>
    <t>&gt;625</t>
  </si>
  <si>
    <t>More than 625 g of lichen below 4.5 m. See photos in https://www.for.gov.bc.ca/hfd/pubs/Docs/Fgi/Fgi07.pdf</t>
  </si>
  <si>
    <t>A code indicating the amount of mistletoe infection in the lower third of a tree, e.g., 1.</t>
  </si>
  <si>
    <t>light</t>
  </si>
  <si>
    <t>heavy</t>
  </si>
  <si>
    <t>A code indicating the amount of mistletoe infection in the middle third of a tree, e.g., 1.</t>
  </si>
  <si>
    <t>A code indicating the amount of mistletoe infection in the upper third of a tree, e.g., 1.</t>
  </si>
  <si>
    <t>Sample Station Photos Comments</t>
  </si>
  <si>
    <t>Sample Station Visit Photos Comments</t>
  </si>
  <si>
    <t>Site Description Photos Comments</t>
  </si>
  <si>
    <t>Incidental Observation Photos Comments</t>
  </si>
  <si>
    <t>Survey Observation Photos Comments</t>
  </si>
  <si>
    <t>Study Area Photos Comments</t>
  </si>
  <si>
    <t>A list of photos (or other Standard Digital Files*) that are associated with a Sample Station._x000D_
INSTRUCTIONS: To easily add photo names to a cell, right-click on a cell and select 'WSI: Add File Names to Cell'. Photo names must not have spaces._x000D_
To include comments about your photos, add a column named 'Sample Station Photos Comments' and enter your comments._x000D_
*Standard Digital Files are recognized by most operating systems and includes images, videos, and documents in formats such as PNG, JPG, JPEG, GIF, BMP, PDF, MP4, AVI, and TXT.</t>
  </si>
  <si>
    <t>A list of photos (or other Standard Digital Files*) that are associated with a vist to, or deployment of, a Sample Station._x000D_
INSTRUCTIONS: To easily add photo names to a cell, right-click on a cell and select 'WSI: Add File Names to Cell'. Photo names must not have spaces._x000D_
To include comments about your photos, add a column named 'Sample Station Visit Photos Comments', and enter your comments._x000D_
*Standard Digital Files are recognized by most operating systems and includes images, videos, and documents in formats such as PNG, JPG, JPEG, GIF, BMP, PDF, MP4, AVI, and TXT.</t>
  </si>
  <si>
    <t>A list of photos (or other Standard Digital Files*) that are associated with a Site._x000D_
A distinct site is defined based on each unique combination of Observer Name, UTMs, and Site Description Date, if Site Description Date is included._x000D_
INSTRUCTIONS: To easily add photo names to a cell, right-click on a cell and select 'WSI: Add File Names to Cell'. Photo names must not have spaces._x000D_
To include comments about your photos, add a column named 'Site Description Photos Comments' or 'Site Description Photos Comments', and enter your comments._x000D_
If you provide photos, ensure that column 'Site Description Date' is also present and populated._x000D_
*Standard Digital Files are recognized by most operating systems and includes images, videos, and documents in formats such as PNG, JPG, JPEG, GIF, BMP, PDF, MP4, AVI, and TXT.</t>
  </si>
  <si>
    <t>A list of photos (or other Standard Digital Files*) that are associated with an Incidental Observation._x000D_
INSTRUCTIONS: To easily add photo names to a cell, right-click on a cell and select 'WSI: Add File Names to Cell'. Photo names must not have spaces._x000D_
To include comments about your photos, add a column named 'Incidental Observation Photos Comments' or 'Incidental Observation Photos Comments', and enter your comments._x000D_
*Standard Digital Files are recognized by most operating systems and includes images, videos, and documents in formats such as PNG, JPG, JPEG, GIF, BMP, PDF, MP4, AVI, and TXT.</t>
  </si>
  <si>
    <t>A list of photos (or other Standard Digital Files*) that are associated with a Survey Observation._x000D_
INSTRUCTIONS: To easily add photo names to a cell, right-click on a cell and select 'WSI: Add File Names to Cell'. Photo names must not have spaces._x000D_
To include comments about your photos, add a column named 'Survey Observation Photos Comments' or 'Survey Observation Photos Comments', and enter your comments._x000D_
*Standard Digital Files are recognized by most operating systems and includes images, videos, and documents in formats such as PNG, JPG, JPEG, GIF, BMP, PDF, MP4, AVI, and TXT.</t>
  </si>
  <si>
    <t>A list of photos (or other Standard Digital Files*) that are associated with a Study Area._x000D_
INSTRUCTIONS: To easily add photo names to a cell, right-click on a cell and select 'WSI: Add File Names to Cell'. Photo names must not have spaces._x000D_
To include comments about your photos, add a column named 'Study Area Photos Comments' or 'Study Area Photos Comments', and enter your comments._x000D_
*Standard Digital Files are recognized by most operating systems and includes images, videos, and documents in formats such as PNG, JPG, JPEG, GIF, BMP, PDF, MP4, AVI, and TXT.</t>
  </si>
  <si>
    <t>A code that identifies a species or subspecies of wildlife.
INSTRUCTIONS: Use code 'NULL' if none of the target taxa are detected.
Codes are at:
http://a100.gov.bc.ca/pub/eswp/
Additional animal codes are at:
https://nrm.sp.gov.bc.ca/sites/ENV/wildlife/comm/Projreg/Lists/AnimalCodes/AllItems.aspx
Additional plant codes are at:
https://nrm.sp.gov.bc.ca/sites/ENV/wildlife/comm/Projreg/Lists/PlantCodes/AllItems.aspx
If the species is unknown, the wildlife may be identified at a higher taxonomic level such as Genus, or Family by recording the complete Genus or Family name.</t>
  </si>
  <si>
    <t>A code indicating the type of observation with which a site description is associated. E.g., 'SO' means the site description is associated with a 'Survey Observation'.</t>
  </si>
  <si>
    <t>SO</t>
  </si>
  <si>
    <t>This site description is associated with a Survey Observation</t>
  </si>
  <si>
    <t>ditto</t>
  </si>
  <si>
    <t>Design Component</t>
  </si>
  <si>
    <t>IO</t>
  </si>
  <si>
    <t>FO</t>
  </si>
  <si>
    <t>Feature Observation</t>
  </si>
  <si>
    <t>This site description is associated with a Design Component</t>
  </si>
  <si>
    <t>This site description is associated with an Incidental Observation</t>
  </si>
  <si>
    <t>This site description is associated with a Wildlife Feature Observatio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color theme="1"/>
      <name val="Calibri"/>
      <family val="2"/>
      <scheme val="minor"/>
    </font>
    <font>
      <sz val="10"/>
      <name val="Arial"/>
      <family val="2"/>
    </font>
    <font>
      <sz val="12"/>
      <name val="Arial"/>
      <family val="2"/>
    </font>
    <font>
      <b/>
      <sz val="10"/>
      <name val="Arial"/>
      <family val="2"/>
    </font>
    <font>
      <sz val="12"/>
      <color rgb="FF339966"/>
      <name val="Arial"/>
      <family val="2"/>
    </font>
    <font>
      <sz val="9"/>
      <color indexed="81"/>
      <name val="Tahoma"/>
      <charset val="1"/>
    </font>
    <font>
      <b/>
      <sz val="9"/>
      <name val="Arial"/>
      <family val="2"/>
    </font>
    <font>
      <sz val="9"/>
      <name val="Arial"/>
      <family val="2"/>
    </font>
    <font>
      <sz val="9"/>
      <color indexed="81"/>
      <name val="Tahoma"/>
      <family val="2"/>
    </font>
  </fonts>
  <fills count="4">
    <fill>
      <patternFill patternType="none"/>
    </fill>
    <fill>
      <patternFill patternType="gray125"/>
    </fill>
    <fill>
      <patternFill patternType="solid">
        <fgColor rgb="FFFFFFBD"/>
        <bgColor indexed="64"/>
      </patternFill>
    </fill>
    <fill>
      <patternFill patternType="solid">
        <fgColor rgb="FFD8E4BC"/>
        <bgColor indexed="64"/>
      </patternFill>
    </fill>
  </fills>
  <borders count="13">
    <border>
      <left/>
      <right/>
      <top/>
      <bottom/>
      <diagonal/>
    </border>
    <border>
      <left style="hair">
        <color indexed="64"/>
      </left>
      <right style="hair">
        <color indexed="64"/>
      </right>
      <top style="hair">
        <color indexed="64"/>
      </top>
      <bottom style="hair">
        <color indexed="64"/>
      </bottom>
      <diagonal/>
    </border>
    <border>
      <left/>
      <right style="hair">
        <color indexed="64"/>
      </right>
      <top/>
      <bottom style="hair">
        <color indexed="64"/>
      </bottom>
      <diagonal/>
    </border>
    <border>
      <left style="hair">
        <color indexed="64"/>
      </left>
      <right style="hair">
        <color indexed="64"/>
      </right>
      <top/>
      <bottom style="hair">
        <color indexed="64"/>
      </bottom>
      <diagonal/>
    </border>
    <border>
      <left/>
      <right style="hair">
        <color indexed="64"/>
      </right>
      <top style="hair">
        <color indexed="64"/>
      </top>
      <bottom style="hair">
        <color indexed="64"/>
      </bottom>
      <diagonal/>
    </border>
    <border>
      <left/>
      <right style="hair">
        <color indexed="64"/>
      </right>
      <top style="thick">
        <color indexed="64"/>
      </top>
      <bottom style="hair">
        <color indexed="64"/>
      </bottom>
      <diagonal/>
    </border>
    <border>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hair">
        <color indexed="64"/>
      </right>
      <top style="thick">
        <color indexed="64"/>
      </top>
      <bottom style="hair">
        <color indexed="64"/>
      </bottom>
      <diagonal/>
    </border>
    <border>
      <left/>
      <right style="hair">
        <color indexed="64"/>
      </right>
      <top style="thick">
        <color indexed="64"/>
      </top>
      <bottom/>
      <diagonal/>
    </border>
    <border>
      <left style="hair">
        <color indexed="64"/>
      </left>
      <right style="hair">
        <color indexed="64"/>
      </right>
      <top style="thick">
        <color indexed="64"/>
      </top>
      <bottom/>
      <diagonal/>
    </border>
    <border>
      <left/>
      <right style="hair">
        <color indexed="64"/>
      </right>
      <top/>
      <bottom/>
      <diagonal/>
    </border>
    <border>
      <left style="hair">
        <color indexed="64"/>
      </left>
      <right style="hair">
        <color indexed="64"/>
      </right>
      <top/>
      <bottom/>
      <diagonal/>
    </border>
  </borders>
  <cellStyleXfs count="1">
    <xf numFmtId="0" fontId="0" fillId="0" borderId="0"/>
  </cellStyleXfs>
  <cellXfs count="38">
    <xf numFmtId="0" fontId="0" fillId="0" borderId="0" xfId="0"/>
    <xf numFmtId="0" fontId="2" fillId="0" borderId="1" xfId="0" applyFont="1" applyBorder="1" applyAlignment="1" applyProtection="1">
      <alignment textRotation="90" wrapText="1"/>
      <protection locked="0"/>
    </xf>
    <xf numFmtId="0" fontId="1" fillId="0" borderId="0" xfId="0" applyFont="1" applyAlignment="1" applyProtection="1">
      <protection locked="0"/>
    </xf>
    <xf numFmtId="0" fontId="2" fillId="2" borderId="1" xfId="0" applyFont="1" applyFill="1" applyBorder="1" applyAlignment="1" applyProtection="1">
      <alignment textRotation="90" wrapText="1"/>
    </xf>
    <xf numFmtId="0" fontId="2" fillId="0" borderId="1" xfId="0" applyFont="1" applyBorder="1" applyAlignment="1" applyProtection="1">
      <alignment textRotation="90" wrapText="1"/>
    </xf>
    <xf numFmtId="0" fontId="2" fillId="3" borderId="1" xfId="0" applyFont="1" applyFill="1" applyBorder="1" applyAlignment="1" applyProtection="1">
      <alignment textRotation="90" wrapText="1"/>
    </xf>
    <xf numFmtId="0" fontId="4" fillId="0" borderId="1" xfId="0" applyFont="1" applyBorder="1" applyAlignment="1" applyProtection="1">
      <alignment textRotation="90" wrapText="1"/>
    </xf>
    <xf numFmtId="0" fontId="3" fillId="0" borderId="0" xfId="0" applyFont="1" applyAlignment="1" applyProtection="1">
      <protection locked="0"/>
    </xf>
    <xf numFmtId="49" fontId="1" fillId="0" borderId="0" xfId="0" applyNumberFormat="1" applyFont="1" applyAlignment="1" applyProtection="1">
      <protection locked="0"/>
    </xf>
    <xf numFmtId="0" fontId="3" fillId="0" borderId="0" xfId="0" applyFont="1" applyAlignment="1" applyProtection="1"/>
    <xf numFmtId="49" fontId="3" fillId="0" borderId="0" xfId="0" applyNumberFormat="1" applyFont="1" applyAlignment="1" applyProtection="1"/>
    <xf numFmtId="0" fontId="2" fillId="2" borderId="1" xfId="0" applyFont="1" applyFill="1" applyBorder="1" applyAlignment="1" applyProtection="1">
      <alignment horizontal="center" textRotation="90" wrapText="1"/>
    </xf>
    <xf numFmtId="0" fontId="6" fillId="0" borderId="2" xfId="0" applyFont="1" applyBorder="1" applyAlignment="1" applyProtection="1">
      <alignment horizontal="left" vertical="top" wrapText="1"/>
    </xf>
    <xf numFmtId="0" fontId="6" fillId="0" borderId="3" xfId="0" applyFont="1" applyBorder="1" applyAlignment="1" applyProtection="1">
      <alignment horizontal="left" vertical="top" wrapText="1"/>
    </xf>
    <xf numFmtId="0" fontId="6" fillId="0" borderId="3" xfId="0" applyFont="1" applyBorder="1" applyAlignment="1" applyProtection="1">
      <alignment horizontal="left" vertical="top" wrapText="1"/>
      <protection locked="0"/>
    </xf>
    <xf numFmtId="0" fontId="7" fillId="0" borderId="4" xfId="0" applyFont="1" applyBorder="1" applyAlignment="1" applyProtection="1">
      <alignment horizontal="left" vertical="top" wrapText="1"/>
    </xf>
    <xf numFmtId="0" fontId="7" fillId="0" borderId="1" xfId="0" applyFont="1" applyBorder="1" applyAlignment="1" applyProtection="1">
      <alignment horizontal="left" vertical="top" wrapText="1"/>
    </xf>
    <xf numFmtId="0" fontId="7" fillId="0" borderId="1" xfId="0" applyFont="1" applyBorder="1" applyAlignment="1" applyProtection="1">
      <alignment horizontal="left" vertical="top" wrapText="1"/>
      <protection locked="0"/>
    </xf>
    <xf numFmtId="0" fontId="7" fillId="0" borderId="4" xfId="0" applyFont="1" applyBorder="1" applyAlignment="1" applyProtection="1">
      <alignment horizontal="left" vertical="top" wrapText="1"/>
      <protection locked="0"/>
    </xf>
    <xf numFmtId="0" fontId="6" fillId="0" borderId="3" xfId="0" applyNumberFormat="1" applyFont="1" applyBorder="1" applyAlignment="1" applyProtection="1">
      <alignment horizontal="left" vertical="top" wrapText="1"/>
    </xf>
    <xf numFmtId="0" fontId="7" fillId="0" borderId="1" xfId="0" applyNumberFormat="1" applyFont="1" applyBorder="1" applyAlignment="1" applyProtection="1">
      <alignment horizontal="left" vertical="top" wrapText="1"/>
    </xf>
    <xf numFmtId="0" fontId="7" fillId="0" borderId="1" xfId="0" applyNumberFormat="1" applyFont="1" applyBorder="1" applyAlignment="1" applyProtection="1">
      <alignment horizontal="left" vertical="top" wrapText="1"/>
      <protection locked="0"/>
    </xf>
    <xf numFmtId="0" fontId="7" fillId="0" borderId="6" xfId="0" applyFont="1" applyBorder="1" applyAlignment="1" applyProtection="1">
      <alignment horizontal="left" vertical="top" wrapText="1"/>
    </xf>
    <xf numFmtId="0" fontId="7" fillId="0" borderId="7" xfId="0" applyNumberFormat="1" applyFont="1" applyBorder="1" applyAlignment="1" applyProtection="1">
      <alignment horizontal="left" vertical="top" wrapText="1"/>
    </xf>
    <xf numFmtId="0" fontId="7" fillId="0" borderId="7" xfId="0" applyFont="1" applyBorder="1" applyAlignment="1" applyProtection="1">
      <alignment horizontal="left" vertical="top" wrapText="1"/>
    </xf>
    <xf numFmtId="0" fontId="7" fillId="0" borderId="5" xfId="0" applyFont="1" applyBorder="1" applyAlignment="1" applyProtection="1">
      <alignment horizontal="left" vertical="top" wrapText="1"/>
    </xf>
    <xf numFmtId="0" fontId="7" fillId="0" borderId="8" xfId="0" applyNumberFormat="1" applyFont="1" applyBorder="1" applyAlignment="1" applyProtection="1">
      <alignment horizontal="left" vertical="top" wrapText="1"/>
    </xf>
    <xf numFmtId="0" fontId="7" fillId="0" borderId="8" xfId="0" applyFont="1" applyBorder="1" applyAlignment="1" applyProtection="1">
      <alignment horizontal="left" vertical="top" wrapText="1"/>
    </xf>
    <xf numFmtId="0" fontId="7" fillId="0" borderId="9" xfId="0" applyFont="1" applyBorder="1" applyAlignment="1" applyProtection="1">
      <alignment horizontal="left" vertical="top" wrapText="1"/>
    </xf>
    <xf numFmtId="0" fontId="7" fillId="0" borderId="10" xfId="0" applyNumberFormat="1" applyFont="1" applyBorder="1" applyAlignment="1" applyProtection="1">
      <alignment horizontal="left" vertical="top" wrapText="1"/>
    </xf>
    <xf numFmtId="0" fontId="7" fillId="0" borderId="10" xfId="0" applyFont="1" applyBorder="1" applyAlignment="1" applyProtection="1">
      <alignment horizontal="left" vertical="top" wrapText="1"/>
    </xf>
    <xf numFmtId="9" fontId="7" fillId="0" borderId="8" xfId="0" applyNumberFormat="1" applyFont="1" applyBorder="1" applyAlignment="1" applyProtection="1">
      <alignment horizontal="left" vertical="top" wrapText="1"/>
    </xf>
    <xf numFmtId="0" fontId="7" fillId="0" borderId="5" xfId="0" applyFont="1" applyBorder="1" applyAlignment="1" applyProtection="1">
      <alignment horizontal="left" vertical="top" wrapText="1"/>
      <protection locked="0"/>
    </xf>
    <xf numFmtId="0" fontId="7" fillId="0" borderId="8" xfId="0" applyNumberFormat="1" applyFont="1" applyBorder="1" applyAlignment="1" applyProtection="1">
      <alignment horizontal="left" vertical="top" wrapText="1"/>
      <protection locked="0"/>
    </xf>
    <xf numFmtId="0" fontId="7" fillId="0" borderId="8" xfId="0" applyFont="1" applyBorder="1" applyAlignment="1" applyProtection="1">
      <alignment horizontal="left" vertical="top" wrapText="1"/>
      <protection locked="0"/>
    </xf>
    <xf numFmtId="0" fontId="7" fillId="0" borderId="11" xfId="0" applyFont="1" applyBorder="1" applyAlignment="1" applyProtection="1">
      <alignment horizontal="left" vertical="top" wrapText="1"/>
    </xf>
    <xf numFmtId="0" fontId="7" fillId="0" borderId="12" xfId="0" applyNumberFormat="1" applyFont="1" applyBorder="1" applyAlignment="1" applyProtection="1">
      <alignment horizontal="left" vertical="top" wrapText="1"/>
    </xf>
    <xf numFmtId="0" fontId="7" fillId="0" borderId="12" xfId="0" applyFont="1" applyBorder="1" applyAlignment="1" applyProtection="1">
      <alignment horizontal="left" vertical="top"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microsoft.com/office/2006/relationships/vbaProject" Target="vbaProject.bin"/><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editAs="oneCell">
    <xdr:from>
      <xdr:col>3</xdr:col>
      <xdr:colOff>295275</xdr:colOff>
      <xdr:row>0</xdr:row>
      <xdr:rowOff>247650</xdr:rowOff>
    </xdr:from>
    <xdr:to>
      <xdr:col>7</xdr:col>
      <xdr:colOff>180975</xdr:colOff>
      <xdr:row>0</xdr:row>
      <xdr:rowOff>523875</xdr:rowOff>
    </xdr:to>
    <xdr:sp macro="" textlink="">
      <xdr:nvSpPr>
        <xdr:cNvPr id="2" name="TextBox 1">
          <a:extLst>
            <a:ext uri="{FF2B5EF4-FFF2-40B4-BE49-F238E27FC236}">
              <a16:creationId xmlns:a16="http://schemas.microsoft.com/office/drawing/2014/main" id="{00000000-0008-0000-0100-000002000000}"/>
            </a:ext>
          </a:extLst>
        </xdr:cNvPr>
        <xdr:cNvSpPr txBox="1"/>
      </xdr:nvSpPr>
      <xdr:spPr>
        <a:xfrm>
          <a:off x="1285875" y="247650"/>
          <a:ext cx="1714500" cy="276225"/>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pPr algn="ctr"/>
          <a:r>
            <a:rPr lang="en-CA" sz="900">
              <a:latin typeface="Tahoma" panose="020B0604030504040204" pitchFamily="34" charset="0"/>
              <a:ea typeface="Tahoma" panose="020B0604030504040204" pitchFamily="34" charset="0"/>
              <a:cs typeface="Tahoma" panose="020B0604030504040204" pitchFamily="34" charset="0"/>
            </a:rPr>
            <a:t>For each row, enter only UTMs or only Long-Lats; not both.</a:t>
          </a:r>
        </a:p>
      </xdr:txBody>
    </xdr:sp>
    <xdr:clientData/>
  </xdr:twoCellAnchor>
  <xdr:twoCellAnchor editAs="absolute">
    <xdr:from>
      <xdr:col>0</xdr:col>
      <xdr:colOff>257175</xdr:colOff>
      <xdr:row>3</xdr:row>
      <xdr:rowOff>19050</xdr:rowOff>
    </xdr:from>
    <xdr:to>
      <xdr:col>15</xdr:col>
      <xdr:colOff>323851</xdr:colOff>
      <xdr:row>17</xdr:row>
      <xdr:rowOff>123825</xdr:rowOff>
    </xdr:to>
    <xdr:sp macro="" textlink="">
      <xdr:nvSpPr>
        <xdr:cNvPr id="3" name="TextBox 2">
          <a:extLst>
            <a:ext uri="{FF2B5EF4-FFF2-40B4-BE49-F238E27FC236}">
              <a16:creationId xmlns:a16="http://schemas.microsoft.com/office/drawing/2014/main" id="{00000000-0008-0000-0100-000003000000}"/>
            </a:ext>
          </a:extLst>
        </xdr:cNvPr>
        <xdr:cNvSpPr txBox="1"/>
      </xdr:nvSpPr>
      <xdr:spPr>
        <a:xfrm>
          <a:off x="257175" y="1809750"/>
          <a:ext cx="6657976" cy="23717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rtl="0"/>
          <a:r>
            <a:rPr lang="en-CA" sz="1100" b="1" i="0">
              <a:solidFill>
                <a:schemeClr val="dk1"/>
              </a:solidFill>
              <a:latin typeface="+mn-lt"/>
              <a:ea typeface="+mn-ea"/>
              <a:cs typeface="Arial" pitchFamily="34" charset="0"/>
            </a:rPr>
            <a:t>General Instructions</a:t>
          </a:r>
          <a:endParaRPr lang="en-CA" sz="1100" b="1">
            <a:latin typeface="+mn-lt"/>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rgbClr val="FF0000"/>
              </a:solidFill>
              <a:latin typeface="+mn-lt"/>
              <a:ea typeface="+mn-ea"/>
              <a:cs typeface="Arial" pitchFamily="34" charset="0"/>
            </a:rPr>
            <a:t>- You </a:t>
          </a:r>
          <a:r>
            <a:rPr lang="en-CA" sz="1100" b="1" i="0">
              <a:solidFill>
                <a:srgbClr val="FF0000"/>
              </a:solidFill>
              <a:latin typeface="+mn-lt"/>
              <a:ea typeface="+mn-ea"/>
              <a:cs typeface="Arial" pitchFamily="34" charset="0"/>
            </a:rPr>
            <a:t>must</a:t>
          </a:r>
          <a:r>
            <a:rPr lang="en-CA" sz="1100" b="0" i="0">
              <a:solidFill>
                <a:srgbClr val="FF0000"/>
              </a:solidFill>
              <a:latin typeface="+mn-lt"/>
              <a:ea typeface="+mn-ea"/>
              <a:cs typeface="Arial" pitchFamily="34" charset="0"/>
            </a:rPr>
            <a:t> use</a:t>
          </a:r>
          <a:r>
            <a:rPr lang="en-CA" sz="1100" b="0" i="0" baseline="0">
              <a:solidFill>
                <a:srgbClr val="FF0000"/>
              </a:solidFill>
              <a:latin typeface="+mn-lt"/>
              <a:ea typeface="+mn-ea"/>
              <a:cs typeface="Arial" pitchFamily="34" charset="0"/>
            </a:rPr>
            <a:t> valid codes.</a:t>
          </a:r>
          <a:br>
            <a:rPr lang="en-CA" sz="1100" b="0" i="0" baseline="0">
              <a:solidFill>
                <a:srgbClr val="FF0000"/>
              </a:solidFill>
              <a:latin typeface="+mn-lt"/>
              <a:ea typeface="+mn-ea"/>
              <a:cs typeface="Arial" pitchFamily="34" charset="0"/>
            </a:rPr>
          </a:br>
          <a:r>
            <a:rPr lang="en-CA" sz="1100" b="0" i="0" baseline="0">
              <a:solidFill>
                <a:srgbClr val="FF0000"/>
              </a:solidFill>
              <a:latin typeface="+mn-lt"/>
              <a:ea typeface="+mn-ea"/>
              <a:cs typeface="Arial" pitchFamily="34" charset="0"/>
            </a:rPr>
            <a:t>      - To automatically access the codes and definitions by double-clicking, you must </a:t>
          </a:r>
          <a:r>
            <a:rPr lang="en-CA" sz="1100" b="1" i="0" baseline="0">
              <a:solidFill>
                <a:srgbClr val="FF0000"/>
              </a:solidFill>
              <a:latin typeface="+mn-lt"/>
              <a:ea typeface="+mn-ea"/>
              <a:cs typeface="Arial" pitchFamily="34" charset="0"/>
            </a:rPr>
            <a:t>ENABLE MACROS </a:t>
          </a:r>
          <a:endParaRPr lang="en-CA" sz="1100" b="1">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To manually access the codes and definitions, go to the worksheet named 'Predefined Columns and Codes'</a:t>
          </a:r>
          <a:endParaRPr lang="en-CA" sz="1100" b="0">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You can print the worksheet named 'Predefined Columns and Codes'</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multiple codes or numbers in one cell</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codes or numbers with any other characters such as commas, hyphens, etc.</a:t>
          </a:r>
          <a:endParaRPr lang="en-CA" sz="1100" b="0">
            <a:solidFill>
              <a:srgbClr val="FF0000"/>
            </a:solidFill>
            <a:latin typeface="+mn-lt"/>
            <a:ea typeface="+mn-ea"/>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chemeClr val="dk1"/>
              </a:solidFill>
              <a:latin typeface="+mn-lt"/>
              <a:ea typeface="+mn-ea"/>
              <a:cs typeface="Arial" pitchFamily="34" charset="0"/>
            </a:rPr>
            <a:t>- To remove this information box, right-click on its border and select 'Cut'</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ellow columns are mandatory</a:t>
          </a:r>
          <a:endParaRPr lang="en-CA" sz="1100">
            <a:latin typeface="+mn-lt"/>
            <a:cs typeface="Arial" pitchFamily="34" charset="0"/>
          </a:endParaRPr>
        </a:p>
        <a:p>
          <a:pPr rtl="0"/>
          <a:r>
            <a:rPr lang="en-CA" sz="1100" b="0" i="0">
              <a:solidFill>
                <a:schemeClr val="dk1"/>
              </a:solidFill>
              <a:latin typeface="+mn-lt"/>
              <a:ea typeface="+mn-ea"/>
              <a:cs typeface="Arial" pitchFamily="34" charset="0"/>
            </a:rPr>
            <a:t>- Column headings must not be changed.</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ou may delete or hide non-yellow columns that you don't need</a:t>
          </a:r>
          <a:endParaRPr lang="en-CA" sz="1100">
            <a:latin typeface="+mn-lt"/>
            <a:cs typeface="Arial" pitchFamily="34" charset="0"/>
          </a:endParaRPr>
        </a:p>
        <a:p>
          <a:endParaRPr lang="en-CA" sz="1000">
            <a:latin typeface="Arial" pitchFamily="34" charset="0"/>
            <a:cs typeface="Arial" pitchFamily="34" charset="0"/>
          </a:endParaRPr>
        </a:p>
      </xdr:txBody>
    </xdr:sp>
    <xdr:clientData/>
  </xdr:twoCellAnchor>
  <xdr:twoCellAnchor editAs="oneCell">
    <xdr:from>
      <xdr:col>2</xdr:col>
      <xdr:colOff>0</xdr:colOff>
      <xdr:row>0</xdr:row>
      <xdr:rowOff>28575</xdr:rowOff>
    </xdr:from>
    <xdr:to>
      <xdr:col>8</xdr:col>
      <xdr:colOff>114300</xdr:colOff>
      <xdr:row>0</xdr:row>
      <xdr:rowOff>180974</xdr:rowOff>
    </xdr:to>
    <xdr:sp macro="" textlink="">
      <xdr:nvSpPr>
        <xdr:cNvPr id="4" name="TextBox 3">
          <a:extLst>
            <a:ext uri="{FF2B5EF4-FFF2-40B4-BE49-F238E27FC236}">
              <a16:creationId xmlns:a16="http://schemas.microsoft.com/office/drawing/2014/main" id="{00000000-0008-0000-0100-000004000000}"/>
            </a:ext>
          </a:extLst>
        </xdr:cNvPr>
        <xdr:cNvSpPr txBox="1"/>
      </xdr:nvSpPr>
      <xdr:spPr>
        <a:xfrm>
          <a:off x="533400" y="28575"/>
          <a:ext cx="2857500" cy="152399"/>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36000" tIns="0" rIns="0" bIns="0" rtlCol="0" anchor="t"/>
        <a:lstStyle/>
        <a:p>
          <a:pPr algn="l"/>
          <a:r>
            <a:rPr lang="en-CA" sz="900">
              <a:latin typeface="Tahoma" panose="020B0604030504040204" pitchFamily="34" charset="0"/>
              <a:ea typeface="Tahoma" panose="020B0604030504040204" pitchFamily="34" charset="0"/>
              <a:cs typeface="Tahoma" panose="020B0604030504040204" pitchFamily="34" charset="0"/>
            </a:rPr>
            <a:t>Double-click a column header to see associated codes</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18</xdr:row>
      <xdr:rowOff>152401</xdr:rowOff>
    </xdr:from>
    <xdr:to>
      <xdr:col>21</xdr:col>
      <xdr:colOff>104775</xdr:colOff>
      <xdr:row>24</xdr:row>
      <xdr:rowOff>19051</xdr:rowOff>
    </xdr:to>
    <xdr:sp macro="" textlink="">
      <xdr:nvSpPr>
        <xdr:cNvPr id="2" name="SMT Definition">
          <a:extLst>
            <a:ext uri="{FF2B5EF4-FFF2-40B4-BE49-F238E27FC236}">
              <a16:creationId xmlns:a16="http://schemas.microsoft.com/office/drawing/2014/main" id="{00000000-0008-0000-0200-000002000000}"/>
            </a:ext>
          </a:extLst>
        </xdr:cNvPr>
        <xdr:cNvSpPr txBox="1"/>
      </xdr:nvSpPr>
      <xdr:spPr>
        <a:xfrm>
          <a:off x="266700" y="4610101"/>
          <a:ext cx="6648450" cy="838200"/>
        </a:xfrm>
        <a:prstGeom prst="rect">
          <a:avLst/>
        </a:prstGeom>
        <a:solidFill>
          <a:schemeClr val="lt1"/>
        </a:solidFill>
        <a:ln w="9525" cmpd="sng">
          <a:solidFill>
            <a:srgbClr val="000000"/>
          </a:solidFill>
        </a:ln>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CA" sz="1100" b="1"/>
            <a:t>Bird Nest Descriptions</a:t>
          </a:r>
          <a:r>
            <a:rPr lang="en-CA" sz="1100"/>
            <a:t>. For recording attributes that describe the physical, relatively permanent, characteristics of a nest.</a:t>
          </a:r>
        </a:p>
      </xdr:txBody>
    </xdr:sp>
    <xdr:clientData/>
  </xdr:twoCellAnchor>
  <xdr:twoCellAnchor editAs="absolute">
    <xdr:from>
      <xdr:col>1</xdr:col>
      <xdr:colOff>0</xdr:colOff>
      <xdr:row>3</xdr:row>
      <xdr:rowOff>0</xdr:rowOff>
    </xdr:from>
    <xdr:to>
      <xdr:col>21</xdr:col>
      <xdr:colOff>114301</xdr:colOff>
      <xdr:row>17</xdr:row>
      <xdr:rowOff>104775</xdr:rowOff>
    </xdr:to>
    <xdr:sp macro="" textlink="">
      <xdr:nvSpPr>
        <xdr:cNvPr id="3" name="TextBox 2">
          <a:extLst>
            <a:ext uri="{FF2B5EF4-FFF2-40B4-BE49-F238E27FC236}">
              <a16:creationId xmlns:a16="http://schemas.microsoft.com/office/drawing/2014/main" id="{00000000-0008-0000-0200-000003000000}"/>
            </a:ext>
          </a:extLst>
        </xdr:cNvPr>
        <xdr:cNvSpPr txBox="1"/>
      </xdr:nvSpPr>
      <xdr:spPr>
        <a:xfrm>
          <a:off x="266700" y="2028825"/>
          <a:ext cx="6657976" cy="23717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rtl="0"/>
          <a:r>
            <a:rPr lang="en-CA" sz="1100" b="1" i="0">
              <a:solidFill>
                <a:schemeClr val="dk1"/>
              </a:solidFill>
              <a:latin typeface="+mn-lt"/>
              <a:ea typeface="+mn-ea"/>
              <a:cs typeface="Arial" pitchFamily="34" charset="0"/>
            </a:rPr>
            <a:t>General Instructions</a:t>
          </a:r>
          <a:endParaRPr lang="en-CA" sz="1100" b="1">
            <a:latin typeface="+mn-lt"/>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rgbClr val="FF0000"/>
              </a:solidFill>
              <a:latin typeface="+mn-lt"/>
              <a:ea typeface="+mn-ea"/>
              <a:cs typeface="Arial" pitchFamily="34" charset="0"/>
            </a:rPr>
            <a:t>- You </a:t>
          </a:r>
          <a:r>
            <a:rPr lang="en-CA" sz="1100" b="1" i="0">
              <a:solidFill>
                <a:srgbClr val="FF0000"/>
              </a:solidFill>
              <a:latin typeface="+mn-lt"/>
              <a:ea typeface="+mn-ea"/>
              <a:cs typeface="Arial" pitchFamily="34" charset="0"/>
            </a:rPr>
            <a:t>must</a:t>
          </a:r>
          <a:r>
            <a:rPr lang="en-CA" sz="1100" b="0" i="0">
              <a:solidFill>
                <a:srgbClr val="FF0000"/>
              </a:solidFill>
              <a:latin typeface="+mn-lt"/>
              <a:ea typeface="+mn-ea"/>
              <a:cs typeface="Arial" pitchFamily="34" charset="0"/>
            </a:rPr>
            <a:t> use</a:t>
          </a:r>
          <a:r>
            <a:rPr lang="en-CA" sz="1100" b="0" i="0" baseline="0">
              <a:solidFill>
                <a:srgbClr val="FF0000"/>
              </a:solidFill>
              <a:latin typeface="+mn-lt"/>
              <a:ea typeface="+mn-ea"/>
              <a:cs typeface="Arial" pitchFamily="34" charset="0"/>
            </a:rPr>
            <a:t> valid codes.</a:t>
          </a:r>
          <a:br>
            <a:rPr lang="en-CA" sz="1100" b="0" i="0" baseline="0">
              <a:solidFill>
                <a:srgbClr val="FF0000"/>
              </a:solidFill>
              <a:latin typeface="+mn-lt"/>
              <a:ea typeface="+mn-ea"/>
              <a:cs typeface="Arial" pitchFamily="34" charset="0"/>
            </a:rPr>
          </a:br>
          <a:r>
            <a:rPr lang="en-CA" sz="1100" b="0" i="0" baseline="0">
              <a:solidFill>
                <a:srgbClr val="FF0000"/>
              </a:solidFill>
              <a:latin typeface="+mn-lt"/>
              <a:ea typeface="+mn-ea"/>
              <a:cs typeface="Arial" pitchFamily="34" charset="0"/>
            </a:rPr>
            <a:t>      - To automatically access the codes and definitions by double-clicking, you must </a:t>
          </a:r>
          <a:r>
            <a:rPr lang="en-CA" sz="1100" b="1" i="0" baseline="0">
              <a:solidFill>
                <a:srgbClr val="FF0000"/>
              </a:solidFill>
              <a:latin typeface="+mn-lt"/>
              <a:ea typeface="+mn-ea"/>
              <a:cs typeface="Arial" pitchFamily="34" charset="0"/>
            </a:rPr>
            <a:t>ENABLE MACROS </a:t>
          </a:r>
          <a:endParaRPr lang="en-CA" sz="1100" b="1">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To manually access the codes and definitions, go to the worksheet named 'Predefined Columns and Codes'</a:t>
          </a:r>
          <a:endParaRPr lang="en-CA" sz="1100" b="0">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You can print the worksheet named 'Predefined Columns and Codes'</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multiple codes or numbers in one cell</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codes or numbers with any other characters such as commas, hyphens, etc.</a:t>
          </a:r>
          <a:endParaRPr lang="en-CA" sz="1100" b="0">
            <a:solidFill>
              <a:srgbClr val="FF0000"/>
            </a:solidFill>
            <a:latin typeface="+mn-lt"/>
            <a:ea typeface="+mn-ea"/>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chemeClr val="dk1"/>
              </a:solidFill>
              <a:latin typeface="+mn-lt"/>
              <a:ea typeface="+mn-ea"/>
              <a:cs typeface="Arial" pitchFamily="34" charset="0"/>
            </a:rPr>
            <a:t>- To remove this information box, right-click on its border and select 'Cut'</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ellow columns are mandatory</a:t>
          </a:r>
          <a:endParaRPr lang="en-CA" sz="1100">
            <a:latin typeface="+mn-lt"/>
            <a:cs typeface="Arial" pitchFamily="34" charset="0"/>
          </a:endParaRPr>
        </a:p>
        <a:p>
          <a:pPr rtl="0"/>
          <a:r>
            <a:rPr lang="en-CA" sz="1100" b="0" i="0">
              <a:solidFill>
                <a:schemeClr val="dk1"/>
              </a:solidFill>
              <a:latin typeface="+mn-lt"/>
              <a:ea typeface="+mn-ea"/>
              <a:cs typeface="Arial" pitchFamily="34" charset="0"/>
            </a:rPr>
            <a:t>- Column headings must not be changed.</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ou may delete or hide non-yellow columns that you don't need</a:t>
          </a:r>
          <a:endParaRPr lang="en-CA" sz="1100">
            <a:latin typeface="+mn-lt"/>
            <a:cs typeface="Arial" pitchFamily="34" charset="0"/>
          </a:endParaRPr>
        </a:p>
        <a:p>
          <a:endParaRPr lang="en-CA" sz="1000">
            <a:latin typeface="Arial" pitchFamily="34" charset="0"/>
            <a:cs typeface="Arial" pitchFamily="34" charset="0"/>
          </a:endParaRPr>
        </a:p>
      </xdr:txBody>
    </xdr:sp>
    <xdr:clientData/>
  </xdr:twoCellAnchor>
  <xdr:twoCellAnchor editAs="oneCell">
    <xdr:from>
      <xdr:col>10</xdr:col>
      <xdr:colOff>352425</xdr:colOff>
      <xdr:row>0</xdr:row>
      <xdr:rowOff>114300</xdr:rowOff>
    </xdr:from>
    <xdr:to>
      <xdr:col>17</xdr:col>
      <xdr:colOff>9525</xdr:colOff>
      <xdr:row>0</xdr:row>
      <xdr:rowOff>419099</xdr:rowOff>
    </xdr:to>
    <xdr:sp macro="" textlink="">
      <xdr:nvSpPr>
        <xdr:cNvPr id="4" name="TextBox 3">
          <a:extLst>
            <a:ext uri="{FF2B5EF4-FFF2-40B4-BE49-F238E27FC236}">
              <a16:creationId xmlns:a16="http://schemas.microsoft.com/office/drawing/2014/main" id="{00000000-0008-0000-0200-000004000000}"/>
            </a:ext>
          </a:extLst>
        </xdr:cNvPr>
        <xdr:cNvSpPr txBox="1"/>
      </xdr:nvSpPr>
      <xdr:spPr>
        <a:xfrm>
          <a:off x="3781425" y="114300"/>
          <a:ext cx="1714500" cy="304799"/>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pPr algn="ctr"/>
          <a:r>
            <a:rPr lang="en-CA" sz="900">
              <a:latin typeface="Tahoma" panose="020B0604030504040204" pitchFamily="34" charset="0"/>
              <a:ea typeface="Tahoma" panose="020B0604030504040204" pitchFamily="34" charset="0"/>
              <a:cs typeface="Tahoma" panose="020B0604030504040204" pitchFamily="34" charset="0"/>
            </a:rPr>
            <a:t>For each row, enter only UTMs or only Long-Lats; not both.</a:t>
          </a:r>
        </a:p>
      </xdr:txBody>
    </xdr:sp>
    <xdr:clientData/>
  </xdr:twoCellAnchor>
  <xdr:twoCellAnchor editAs="oneCell">
    <xdr:from>
      <xdr:col>0</xdr:col>
      <xdr:colOff>133350</xdr:colOff>
      <xdr:row>0</xdr:row>
      <xdr:rowOff>38100</xdr:rowOff>
    </xdr:from>
    <xdr:to>
      <xdr:col>8</xdr:col>
      <xdr:colOff>95250</xdr:colOff>
      <xdr:row>0</xdr:row>
      <xdr:rowOff>190499</xdr:rowOff>
    </xdr:to>
    <xdr:sp macro="" textlink="">
      <xdr:nvSpPr>
        <xdr:cNvPr id="5" name="TextBox 4">
          <a:extLst>
            <a:ext uri="{FF2B5EF4-FFF2-40B4-BE49-F238E27FC236}">
              <a16:creationId xmlns:a16="http://schemas.microsoft.com/office/drawing/2014/main" id="{00000000-0008-0000-0200-000005000000}"/>
            </a:ext>
          </a:extLst>
        </xdr:cNvPr>
        <xdr:cNvSpPr txBox="1"/>
      </xdr:nvSpPr>
      <xdr:spPr>
        <a:xfrm>
          <a:off x="133350" y="38100"/>
          <a:ext cx="2857500" cy="152399"/>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36000" tIns="0" rIns="0" bIns="0" rtlCol="0" anchor="t"/>
        <a:lstStyle/>
        <a:p>
          <a:pPr algn="l"/>
          <a:r>
            <a:rPr lang="en-CA" sz="900">
              <a:latin typeface="Tahoma" panose="020B0604030504040204" pitchFamily="34" charset="0"/>
              <a:ea typeface="Tahoma" panose="020B0604030504040204" pitchFamily="34" charset="0"/>
              <a:cs typeface="Tahoma" panose="020B0604030504040204" pitchFamily="34" charset="0"/>
            </a:rPr>
            <a:t>Double-click a column header to see associated codes</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0</xdr:colOff>
      <xdr:row>19</xdr:row>
      <xdr:rowOff>85725</xdr:rowOff>
    </xdr:from>
    <xdr:to>
      <xdr:col>23</xdr:col>
      <xdr:colOff>28575</xdr:colOff>
      <xdr:row>26</xdr:row>
      <xdr:rowOff>133351</xdr:rowOff>
    </xdr:to>
    <xdr:sp macro="" textlink="">
      <xdr:nvSpPr>
        <xdr:cNvPr id="2" name="SMT Definition">
          <a:extLst>
            <a:ext uri="{FF2B5EF4-FFF2-40B4-BE49-F238E27FC236}">
              <a16:creationId xmlns:a16="http://schemas.microsoft.com/office/drawing/2014/main" id="{00000000-0008-0000-0300-000002000000}"/>
            </a:ext>
          </a:extLst>
        </xdr:cNvPr>
        <xdr:cNvSpPr txBox="1"/>
      </xdr:nvSpPr>
      <xdr:spPr>
        <a:xfrm>
          <a:off x="266700" y="4705350"/>
          <a:ext cx="6657975" cy="1181101"/>
        </a:xfrm>
        <a:prstGeom prst="rect">
          <a:avLst/>
        </a:prstGeom>
        <a:solidFill>
          <a:schemeClr val="lt1"/>
        </a:solidFill>
        <a:ln w="9525" cmpd="sng">
          <a:solidFill>
            <a:srgbClr val="000000"/>
          </a:solidFill>
        </a:ln>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CA" sz="1100" b="1"/>
            <a:t>Tree Descriptions</a:t>
          </a:r>
          <a:r>
            <a:rPr lang="en-CA" sz="1100"/>
            <a:t>. For recording attributes that describe the physical characteristics of a tree, and sign of how your target taxa used the tree. If your target taxa did not use the tree, then the animal species code accompanying the tree description record should be 'NULL'.</a:t>
          </a:r>
        </a:p>
      </xdr:txBody>
    </xdr:sp>
    <xdr:clientData/>
  </xdr:twoCellAnchor>
  <xdr:twoCellAnchor editAs="absolute">
    <xdr:from>
      <xdr:col>1</xdr:col>
      <xdr:colOff>9525</xdr:colOff>
      <xdr:row>3</xdr:row>
      <xdr:rowOff>9525</xdr:rowOff>
    </xdr:from>
    <xdr:to>
      <xdr:col>23</xdr:col>
      <xdr:colOff>38101</xdr:colOff>
      <xdr:row>17</xdr:row>
      <xdr:rowOff>114300</xdr:rowOff>
    </xdr:to>
    <xdr:sp macro="" textlink="">
      <xdr:nvSpPr>
        <xdr:cNvPr id="3" name="TextBox 2">
          <a:extLst>
            <a:ext uri="{FF2B5EF4-FFF2-40B4-BE49-F238E27FC236}">
              <a16:creationId xmlns:a16="http://schemas.microsoft.com/office/drawing/2014/main" id="{00000000-0008-0000-0300-000003000000}"/>
            </a:ext>
          </a:extLst>
        </xdr:cNvPr>
        <xdr:cNvSpPr txBox="1"/>
      </xdr:nvSpPr>
      <xdr:spPr>
        <a:xfrm>
          <a:off x="276225" y="2038350"/>
          <a:ext cx="6657976" cy="23717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rtl="0"/>
          <a:r>
            <a:rPr lang="en-CA" sz="1100" b="1" i="0">
              <a:solidFill>
                <a:schemeClr val="dk1"/>
              </a:solidFill>
              <a:latin typeface="+mn-lt"/>
              <a:ea typeface="+mn-ea"/>
              <a:cs typeface="Arial" pitchFamily="34" charset="0"/>
            </a:rPr>
            <a:t>General Instructions</a:t>
          </a:r>
          <a:endParaRPr lang="en-CA" sz="1100" b="1">
            <a:latin typeface="+mn-lt"/>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rgbClr val="FF0000"/>
              </a:solidFill>
              <a:latin typeface="+mn-lt"/>
              <a:ea typeface="+mn-ea"/>
              <a:cs typeface="Arial" pitchFamily="34" charset="0"/>
            </a:rPr>
            <a:t>- You </a:t>
          </a:r>
          <a:r>
            <a:rPr lang="en-CA" sz="1100" b="1" i="0">
              <a:solidFill>
                <a:srgbClr val="FF0000"/>
              </a:solidFill>
              <a:latin typeface="+mn-lt"/>
              <a:ea typeface="+mn-ea"/>
              <a:cs typeface="Arial" pitchFamily="34" charset="0"/>
            </a:rPr>
            <a:t>must</a:t>
          </a:r>
          <a:r>
            <a:rPr lang="en-CA" sz="1100" b="0" i="0">
              <a:solidFill>
                <a:srgbClr val="FF0000"/>
              </a:solidFill>
              <a:latin typeface="+mn-lt"/>
              <a:ea typeface="+mn-ea"/>
              <a:cs typeface="Arial" pitchFamily="34" charset="0"/>
            </a:rPr>
            <a:t> use</a:t>
          </a:r>
          <a:r>
            <a:rPr lang="en-CA" sz="1100" b="0" i="0" baseline="0">
              <a:solidFill>
                <a:srgbClr val="FF0000"/>
              </a:solidFill>
              <a:latin typeface="+mn-lt"/>
              <a:ea typeface="+mn-ea"/>
              <a:cs typeface="Arial" pitchFamily="34" charset="0"/>
            </a:rPr>
            <a:t> valid codes.</a:t>
          </a:r>
          <a:br>
            <a:rPr lang="en-CA" sz="1100" b="0" i="0" baseline="0">
              <a:solidFill>
                <a:srgbClr val="FF0000"/>
              </a:solidFill>
              <a:latin typeface="+mn-lt"/>
              <a:ea typeface="+mn-ea"/>
              <a:cs typeface="Arial" pitchFamily="34" charset="0"/>
            </a:rPr>
          </a:br>
          <a:r>
            <a:rPr lang="en-CA" sz="1100" b="0" i="0" baseline="0">
              <a:solidFill>
                <a:srgbClr val="FF0000"/>
              </a:solidFill>
              <a:latin typeface="+mn-lt"/>
              <a:ea typeface="+mn-ea"/>
              <a:cs typeface="Arial" pitchFamily="34" charset="0"/>
            </a:rPr>
            <a:t>      - To automatically access the codes and definitions by double-clicking, you must </a:t>
          </a:r>
          <a:r>
            <a:rPr lang="en-CA" sz="1100" b="1" i="0" baseline="0">
              <a:solidFill>
                <a:srgbClr val="FF0000"/>
              </a:solidFill>
              <a:latin typeface="+mn-lt"/>
              <a:ea typeface="+mn-ea"/>
              <a:cs typeface="Arial" pitchFamily="34" charset="0"/>
            </a:rPr>
            <a:t>ENABLE MACROS </a:t>
          </a:r>
          <a:endParaRPr lang="en-CA" sz="1100" b="1">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To manually access the codes and definitions, go to the worksheet named 'Predefined Columns and Codes'</a:t>
          </a:r>
          <a:endParaRPr lang="en-CA" sz="1100" b="0">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You can print the worksheet named 'Predefined Columns and Codes'</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multiple codes or numbers in one cell</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codes or numbers with any other characters such as commas, hyphens, etc.</a:t>
          </a:r>
          <a:endParaRPr lang="en-CA" sz="1100" b="0">
            <a:solidFill>
              <a:srgbClr val="FF0000"/>
            </a:solidFill>
            <a:latin typeface="+mn-lt"/>
            <a:ea typeface="+mn-ea"/>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chemeClr val="dk1"/>
              </a:solidFill>
              <a:latin typeface="+mn-lt"/>
              <a:ea typeface="+mn-ea"/>
              <a:cs typeface="Arial" pitchFamily="34" charset="0"/>
            </a:rPr>
            <a:t>- To remove this information box, right-click on its border and select 'Cut'</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ellow columns are mandatory</a:t>
          </a:r>
          <a:endParaRPr lang="en-CA" sz="1100">
            <a:latin typeface="+mn-lt"/>
            <a:cs typeface="Arial" pitchFamily="34" charset="0"/>
          </a:endParaRPr>
        </a:p>
        <a:p>
          <a:pPr rtl="0"/>
          <a:r>
            <a:rPr lang="en-CA" sz="1100" b="0" i="0">
              <a:solidFill>
                <a:schemeClr val="dk1"/>
              </a:solidFill>
              <a:latin typeface="+mn-lt"/>
              <a:ea typeface="+mn-ea"/>
              <a:cs typeface="Arial" pitchFamily="34" charset="0"/>
            </a:rPr>
            <a:t>- Column headings must not be changed.</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ou may delete or hide non-yellow columns that you don't need</a:t>
          </a:r>
          <a:endParaRPr lang="en-CA" sz="1100">
            <a:latin typeface="+mn-lt"/>
            <a:cs typeface="Arial" pitchFamily="34" charset="0"/>
          </a:endParaRPr>
        </a:p>
        <a:p>
          <a:endParaRPr lang="en-CA" sz="1000">
            <a:latin typeface="Arial" pitchFamily="34" charset="0"/>
            <a:cs typeface="Arial" pitchFamily="34" charset="0"/>
          </a:endParaRPr>
        </a:p>
      </xdr:txBody>
    </xdr:sp>
    <xdr:clientData/>
  </xdr:twoCellAnchor>
  <xdr:twoCellAnchor editAs="oneCell">
    <xdr:from>
      <xdr:col>10</xdr:col>
      <xdr:colOff>95250</xdr:colOff>
      <xdr:row>0</xdr:row>
      <xdr:rowOff>85725</xdr:rowOff>
    </xdr:from>
    <xdr:to>
      <xdr:col>16</xdr:col>
      <xdr:colOff>209550</xdr:colOff>
      <xdr:row>0</xdr:row>
      <xdr:rowOff>390524</xdr:rowOff>
    </xdr:to>
    <xdr:sp macro="" textlink="">
      <xdr:nvSpPr>
        <xdr:cNvPr id="4" name="TextBox 3">
          <a:extLst>
            <a:ext uri="{FF2B5EF4-FFF2-40B4-BE49-F238E27FC236}">
              <a16:creationId xmlns:a16="http://schemas.microsoft.com/office/drawing/2014/main" id="{00000000-0008-0000-0300-000004000000}"/>
            </a:ext>
          </a:extLst>
        </xdr:cNvPr>
        <xdr:cNvSpPr txBox="1"/>
      </xdr:nvSpPr>
      <xdr:spPr>
        <a:xfrm>
          <a:off x="3333750" y="85725"/>
          <a:ext cx="1714500" cy="304799"/>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pPr algn="ctr"/>
          <a:r>
            <a:rPr lang="en-CA" sz="900">
              <a:latin typeface="Tahoma" panose="020B0604030504040204" pitchFamily="34" charset="0"/>
              <a:ea typeface="Tahoma" panose="020B0604030504040204" pitchFamily="34" charset="0"/>
              <a:cs typeface="Tahoma" panose="020B0604030504040204" pitchFamily="34" charset="0"/>
            </a:rPr>
            <a:t>For each row, enter only UTMs or only Long-Lats; not both.</a:t>
          </a:r>
        </a:p>
      </xdr:txBody>
    </xdr:sp>
    <xdr:clientData/>
  </xdr:twoCellAnchor>
  <xdr:twoCellAnchor editAs="oneCell">
    <xdr:from>
      <xdr:col>0</xdr:col>
      <xdr:colOff>133350</xdr:colOff>
      <xdr:row>0</xdr:row>
      <xdr:rowOff>38100</xdr:rowOff>
    </xdr:from>
    <xdr:to>
      <xdr:col>9</xdr:col>
      <xdr:colOff>209550</xdr:colOff>
      <xdr:row>0</xdr:row>
      <xdr:rowOff>190499</xdr:rowOff>
    </xdr:to>
    <xdr:sp macro="" textlink="">
      <xdr:nvSpPr>
        <xdr:cNvPr id="5" name="TextBox 4">
          <a:extLst>
            <a:ext uri="{FF2B5EF4-FFF2-40B4-BE49-F238E27FC236}">
              <a16:creationId xmlns:a16="http://schemas.microsoft.com/office/drawing/2014/main" id="{00000000-0008-0000-0300-000005000000}"/>
            </a:ext>
          </a:extLst>
        </xdr:cNvPr>
        <xdr:cNvSpPr txBox="1"/>
      </xdr:nvSpPr>
      <xdr:spPr>
        <a:xfrm>
          <a:off x="133350" y="38100"/>
          <a:ext cx="2857500" cy="152399"/>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36000" tIns="0" rIns="0" bIns="0" rtlCol="0" anchor="t"/>
        <a:lstStyle/>
        <a:p>
          <a:pPr algn="l"/>
          <a:r>
            <a:rPr lang="en-CA" sz="900">
              <a:latin typeface="Tahoma" panose="020B0604030504040204" pitchFamily="34" charset="0"/>
              <a:ea typeface="Tahoma" panose="020B0604030504040204" pitchFamily="34" charset="0"/>
              <a:cs typeface="Tahoma" panose="020B0604030504040204" pitchFamily="34" charset="0"/>
            </a:rPr>
            <a:t>Double-click a column header to see associated codes</a:t>
          </a:r>
        </a:p>
      </xdr:txBody>
    </xdr:sp>
    <xdr:clientData/>
  </xdr:twoCellAnchor>
</xdr:wsDr>
</file>

<file path=xl/drawings/drawing4.xml><?xml version="1.0" encoding="utf-8"?>
<xdr:wsDr xmlns:xdr="http://schemas.openxmlformats.org/drawingml/2006/spreadsheetDrawing" xmlns:a="http://schemas.openxmlformats.org/drawingml/2006/main">
  <xdr:twoCellAnchor editAs="absolute">
    <xdr:from>
      <xdr:col>0</xdr:col>
      <xdr:colOff>247649</xdr:colOff>
      <xdr:row>7</xdr:row>
      <xdr:rowOff>0</xdr:rowOff>
    </xdr:from>
    <xdr:to>
      <xdr:col>23</xdr:col>
      <xdr:colOff>9525</xdr:colOff>
      <xdr:row>21</xdr:row>
      <xdr:rowOff>104775</xdr:rowOff>
    </xdr:to>
    <xdr:sp macro="" textlink="">
      <xdr:nvSpPr>
        <xdr:cNvPr id="2" name="TextBox 1">
          <a:extLst>
            <a:ext uri="{FF2B5EF4-FFF2-40B4-BE49-F238E27FC236}">
              <a16:creationId xmlns:a16="http://schemas.microsoft.com/office/drawing/2014/main" id="{00000000-0008-0000-0400-000002000000}"/>
            </a:ext>
          </a:extLst>
        </xdr:cNvPr>
        <xdr:cNvSpPr txBox="1"/>
      </xdr:nvSpPr>
      <xdr:spPr>
        <a:xfrm>
          <a:off x="247649" y="2514600"/>
          <a:ext cx="6657976" cy="23717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rtl="0"/>
          <a:r>
            <a:rPr lang="en-CA" sz="1100" b="1" i="0">
              <a:solidFill>
                <a:schemeClr val="dk1"/>
              </a:solidFill>
              <a:latin typeface="+mn-lt"/>
              <a:ea typeface="+mn-ea"/>
              <a:cs typeface="Arial" pitchFamily="34" charset="0"/>
            </a:rPr>
            <a:t>General Instructions</a:t>
          </a:r>
          <a:endParaRPr lang="en-CA" sz="1100" b="1">
            <a:latin typeface="+mn-lt"/>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rgbClr val="FF0000"/>
              </a:solidFill>
              <a:latin typeface="+mn-lt"/>
              <a:ea typeface="+mn-ea"/>
              <a:cs typeface="Arial" pitchFamily="34" charset="0"/>
            </a:rPr>
            <a:t>- You </a:t>
          </a:r>
          <a:r>
            <a:rPr lang="en-CA" sz="1100" b="1" i="0">
              <a:solidFill>
                <a:srgbClr val="FF0000"/>
              </a:solidFill>
              <a:latin typeface="+mn-lt"/>
              <a:ea typeface="+mn-ea"/>
              <a:cs typeface="Arial" pitchFamily="34" charset="0"/>
            </a:rPr>
            <a:t>must</a:t>
          </a:r>
          <a:r>
            <a:rPr lang="en-CA" sz="1100" b="0" i="0">
              <a:solidFill>
                <a:srgbClr val="FF0000"/>
              </a:solidFill>
              <a:latin typeface="+mn-lt"/>
              <a:ea typeface="+mn-ea"/>
              <a:cs typeface="Arial" pitchFamily="34" charset="0"/>
            </a:rPr>
            <a:t> use</a:t>
          </a:r>
          <a:r>
            <a:rPr lang="en-CA" sz="1100" b="0" i="0" baseline="0">
              <a:solidFill>
                <a:srgbClr val="FF0000"/>
              </a:solidFill>
              <a:latin typeface="+mn-lt"/>
              <a:ea typeface="+mn-ea"/>
              <a:cs typeface="Arial" pitchFamily="34" charset="0"/>
            </a:rPr>
            <a:t> valid codes.</a:t>
          </a:r>
          <a:br>
            <a:rPr lang="en-CA" sz="1100" b="0" i="0" baseline="0">
              <a:solidFill>
                <a:srgbClr val="FF0000"/>
              </a:solidFill>
              <a:latin typeface="+mn-lt"/>
              <a:ea typeface="+mn-ea"/>
              <a:cs typeface="Arial" pitchFamily="34" charset="0"/>
            </a:rPr>
          </a:br>
          <a:r>
            <a:rPr lang="en-CA" sz="1100" b="0" i="0" baseline="0">
              <a:solidFill>
                <a:srgbClr val="FF0000"/>
              </a:solidFill>
              <a:latin typeface="+mn-lt"/>
              <a:ea typeface="+mn-ea"/>
              <a:cs typeface="Arial" pitchFamily="34" charset="0"/>
            </a:rPr>
            <a:t>      - To automatically access the codes and definitions by double-clicking, you must </a:t>
          </a:r>
          <a:r>
            <a:rPr lang="en-CA" sz="1100" b="1" i="0" baseline="0">
              <a:solidFill>
                <a:srgbClr val="FF0000"/>
              </a:solidFill>
              <a:latin typeface="+mn-lt"/>
              <a:ea typeface="+mn-ea"/>
              <a:cs typeface="Arial" pitchFamily="34" charset="0"/>
            </a:rPr>
            <a:t>ENABLE MACROS </a:t>
          </a:r>
          <a:endParaRPr lang="en-CA" sz="1100" b="1">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To manually access the codes and definitions, go to the worksheet named 'Predefined Columns and Codes'</a:t>
          </a:r>
          <a:endParaRPr lang="en-CA" sz="1100" b="0">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You can print the worksheet named 'Predefined Columns and Codes'</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multiple codes or numbers in one cell</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codes or numbers with any other characters such as commas, hyphens, etc.</a:t>
          </a:r>
          <a:endParaRPr lang="en-CA" sz="1100" b="0">
            <a:solidFill>
              <a:srgbClr val="FF0000"/>
            </a:solidFill>
            <a:latin typeface="+mn-lt"/>
            <a:ea typeface="+mn-ea"/>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chemeClr val="dk1"/>
              </a:solidFill>
              <a:latin typeface="+mn-lt"/>
              <a:ea typeface="+mn-ea"/>
              <a:cs typeface="Arial" pitchFamily="34" charset="0"/>
            </a:rPr>
            <a:t>- To remove this information box, right-click on its border and select 'Cut'</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ellow columns are mandatory</a:t>
          </a:r>
          <a:endParaRPr lang="en-CA" sz="1100">
            <a:latin typeface="+mn-lt"/>
            <a:cs typeface="Arial" pitchFamily="34" charset="0"/>
          </a:endParaRPr>
        </a:p>
        <a:p>
          <a:pPr rtl="0"/>
          <a:r>
            <a:rPr lang="en-CA" sz="1100" b="0" i="0">
              <a:solidFill>
                <a:schemeClr val="dk1"/>
              </a:solidFill>
              <a:latin typeface="+mn-lt"/>
              <a:ea typeface="+mn-ea"/>
              <a:cs typeface="Arial" pitchFamily="34" charset="0"/>
            </a:rPr>
            <a:t>- Column headings must not be changed.</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ou may delete or hide non-yellow columns that you don't need</a:t>
          </a:r>
          <a:endParaRPr lang="en-CA" sz="1100">
            <a:latin typeface="+mn-lt"/>
            <a:cs typeface="Arial" pitchFamily="34" charset="0"/>
          </a:endParaRPr>
        </a:p>
        <a:p>
          <a:endParaRPr lang="en-CA" sz="1000">
            <a:latin typeface="Arial" pitchFamily="34" charset="0"/>
            <a:cs typeface="Arial" pitchFamily="34" charset="0"/>
          </a:endParaRPr>
        </a:p>
      </xdr:txBody>
    </xdr:sp>
    <xdr:clientData/>
  </xdr:twoCellAnchor>
  <xdr:twoCellAnchor editAs="oneCell">
    <xdr:from>
      <xdr:col>6</xdr:col>
      <xdr:colOff>219075</xdr:colOff>
      <xdr:row>0</xdr:row>
      <xdr:rowOff>238125</xdr:rowOff>
    </xdr:from>
    <xdr:to>
      <xdr:col>12</xdr:col>
      <xdr:colOff>142875</xdr:colOff>
      <xdr:row>0</xdr:row>
      <xdr:rowOff>514350</xdr:rowOff>
    </xdr:to>
    <xdr:sp macro="" textlink="">
      <xdr:nvSpPr>
        <xdr:cNvPr id="3" name="TextBox 2">
          <a:extLst>
            <a:ext uri="{FF2B5EF4-FFF2-40B4-BE49-F238E27FC236}">
              <a16:creationId xmlns:a16="http://schemas.microsoft.com/office/drawing/2014/main" id="{00000000-0008-0000-0400-000003000000}"/>
            </a:ext>
          </a:extLst>
        </xdr:cNvPr>
        <xdr:cNvSpPr txBox="1"/>
      </xdr:nvSpPr>
      <xdr:spPr>
        <a:xfrm>
          <a:off x="1819275" y="238125"/>
          <a:ext cx="1714500" cy="276225"/>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pPr algn="ctr"/>
          <a:r>
            <a:rPr lang="en-CA" sz="900">
              <a:latin typeface="Tahoma" panose="020B0604030504040204" pitchFamily="34" charset="0"/>
              <a:ea typeface="Tahoma" panose="020B0604030504040204" pitchFamily="34" charset="0"/>
              <a:cs typeface="Tahoma" panose="020B0604030504040204" pitchFamily="34" charset="0"/>
            </a:rPr>
            <a:t>For each row, enter only UTMs or only Long-Lats; not both.</a:t>
          </a:r>
        </a:p>
      </xdr:txBody>
    </xdr:sp>
    <xdr:clientData/>
  </xdr:twoCellAnchor>
  <xdr:twoCellAnchor editAs="oneCell">
    <xdr:from>
      <xdr:col>1</xdr:col>
      <xdr:colOff>38100</xdr:colOff>
      <xdr:row>0</xdr:row>
      <xdr:rowOff>38100</xdr:rowOff>
    </xdr:from>
    <xdr:to>
      <xdr:col>11</xdr:col>
      <xdr:colOff>38100</xdr:colOff>
      <xdr:row>0</xdr:row>
      <xdr:rowOff>190499</xdr:rowOff>
    </xdr:to>
    <xdr:sp macro="" textlink="">
      <xdr:nvSpPr>
        <xdr:cNvPr id="4" name="TextBox 3">
          <a:extLst>
            <a:ext uri="{FF2B5EF4-FFF2-40B4-BE49-F238E27FC236}">
              <a16:creationId xmlns:a16="http://schemas.microsoft.com/office/drawing/2014/main" id="{00000000-0008-0000-0400-000004000000}"/>
            </a:ext>
          </a:extLst>
        </xdr:cNvPr>
        <xdr:cNvSpPr txBox="1"/>
      </xdr:nvSpPr>
      <xdr:spPr>
        <a:xfrm>
          <a:off x="304800" y="38100"/>
          <a:ext cx="2857500" cy="152399"/>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36000" tIns="0" rIns="0" bIns="0" rtlCol="0" anchor="t"/>
        <a:lstStyle/>
        <a:p>
          <a:pPr algn="l"/>
          <a:r>
            <a:rPr lang="en-CA" sz="900">
              <a:latin typeface="Tahoma" panose="020B0604030504040204" pitchFamily="34" charset="0"/>
              <a:ea typeface="Tahoma" panose="020B0604030504040204" pitchFamily="34" charset="0"/>
              <a:cs typeface="Tahoma" panose="020B0604030504040204" pitchFamily="34" charset="0"/>
            </a:rPr>
            <a:t>Double-click a column header to see associated codes</a:t>
          </a: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drawing" Target="../drawings/drawing2.xml"/></Relationships>
</file>

<file path=xl/worksheets/_rels/sheet4.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drawing" Target="../drawings/drawing3.xml"/></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D1"/>
  <sheetViews>
    <sheetView workbookViewId="0">
      <pane ySplit="1" topLeftCell="A2" activePane="bottomLeft" state="frozen"/>
      <selection pane="bottomLeft" activeCell="A3" sqref="A3"/>
    </sheetView>
  </sheetViews>
  <sheetFormatPr defaultRowHeight="12.75" x14ac:dyDescent="0.2"/>
  <cols>
    <col min="1" max="1" width="4" style="2" bestFit="1" customWidth="1"/>
    <col min="2" max="3" width="25.7109375" style="2" customWidth="1"/>
    <col min="4" max="4" width="6.85546875" style="2" bestFit="1" customWidth="1"/>
    <col min="5" max="16384" width="9.140625" style="2"/>
  </cols>
  <sheetData>
    <row r="1" spans="1:4" s="1" customFormat="1" ht="110.1" customHeight="1" x14ac:dyDescent="0.25">
      <c r="A1" s="3" t="s">
        <v>0</v>
      </c>
      <c r="B1" s="11" t="s">
        <v>1</v>
      </c>
      <c r="C1" s="11" t="s">
        <v>2</v>
      </c>
      <c r="D1" s="4" t="s">
        <v>3</v>
      </c>
    </row>
  </sheetData>
  <pageMargins left="0.7" right="0.7" top="0.75" bottom="0.75" header="0.3" footer="0.3"/>
  <pageSetup orientation="portrait" r:id="rId1"/>
  <extLst>
    <ext xmlns:x14="http://schemas.microsoft.com/office/spreadsheetml/2009/9/main" uri="{CCE6A557-97BC-4b89-ADB6-D9C93CAAB3DF}">
      <x14:dataValidations xmlns:xm="http://schemas.microsoft.com/office/excel/2006/main" count="1">
        <x14:dataValidation type="list" allowBlank="1" errorTitle="Correct Code Needed" error="You need to use a code." xr:uid="{00000000-0002-0000-0000-000000000000}">
          <x14:formula1>
            <xm:f>'Predefined Columns and Codes'!$C$5:$C$7</xm:f>
          </x14:formula1>
          <xm:sqref>D2</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M1"/>
  <sheetViews>
    <sheetView workbookViewId="0">
      <pane ySplit="1" topLeftCell="A2" activePane="bottomLeft" state="frozen"/>
      <selection pane="bottomLeft" activeCell="A3" sqref="A3"/>
    </sheetView>
  </sheetViews>
  <sheetFormatPr defaultRowHeight="12.75" x14ac:dyDescent="0.2"/>
  <cols>
    <col min="1" max="2" width="4" style="2" bestFit="1" customWidth="1"/>
    <col min="3" max="10" width="6.85546875" style="2" bestFit="1" customWidth="1"/>
    <col min="11" max="11" width="9.7109375" style="2" bestFit="1" customWidth="1"/>
    <col min="12" max="13" width="4" style="2" bestFit="1" customWidth="1"/>
    <col min="14" max="16384" width="9.140625" style="2"/>
  </cols>
  <sheetData>
    <row r="1" spans="1:13" s="1" customFormat="1" ht="115.5" customHeight="1" x14ac:dyDescent="0.25">
      <c r="A1" s="3" t="s">
        <v>4</v>
      </c>
      <c r="B1" s="4" t="s">
        <v>5</v>
      </c>
      <c r="C1" s="3" t="s">
        <v>6</v>
      </c>
      <c r="D1" s="3" t="s">
        <v>7</v>
      </c>
      <c r="E1" s="3" t="s">
        <v>8</v>
      </c>
      <c r="F1" s="3" t="s">
        <v>9</v>
      </c>
      <c r="G1" s="3" t="s">
        <v>10</v>
      </c>
      <c r="H1" s="3" t="s">
        <v>11</v>
      </c>
      <c r="I1" s="4" t="s">
        <v>12</v>
      </c>
      <c r="J1" s="4" t="s">
        <v>13</v>
      </c>
      <c r="K1" s="5" t="s">
        <v>14</v>
      </c>
      <c r="L1" s="4" t="s">
        <v>15</v>
      </c>
      <c r="M1" s="4" t="s">
        <v>16</v>
      </c>
    </row>
  </sheetData>
  <pageMargins left="0.7" right="0.7" top="0.75" bottom="0.75" header="0.3" footer="0.3"/>
  <drawing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dimension ref="A1:AG2"/>
  <sheetViews>
    <sheetView tabSelected="1" workbookViewId="0">
      <pane ySplit="1" topLeftCell="A2" activePane="bottomLeft" state="frozen"/>
      <selection pane="bottomLeft" activeCell="A3" sqref="A3"/>
    </sheetView>
  </sheetViews>
  <sheetFormatPr defaultRowHeight="12.75" x14ac:dyDescent="0.2"/>
  <cols>
    <col min="1" max="5" width="4" style="2" bestFit="1" customWidth="1"/>
    <col min="6" max="7" width="9.7109375" style="2" bestFit="1" customWidth="1"/>
    <col min="8" max="10" width="4" style="2" bestFit="1" customWidth="1"/>
    <col min="11" max="11" width="6.85546875" style="2" bestFit="1" customWidth="1"/>
    <col min="12" max="18" width="4" style="2" bestFit="1" customWidth="1"/>
    <col min="19" max="19" width="7.85546875" style="2" customWidth="1"/>
    <col min="20" max="32" width="4" style="2" bestFit="1" customWidth="1"/>
    <col min="33" max="33" width="6.85546875" style="2" bestFit="1" customWidth="1"/>
    <col min="34" max="16384" width="9.140625" style="2"/>
  </cols>
  <sheetData>
    <row r="1" spans="1:33" s="1" customFormat="1" ht="134.25" customHeight="1" x14ac:dyDescent="0.25">
      <c r="A1" s="3" t="s">
        <v>4</v>
      </c>
      <c r="B1" s="3" t="s">
        <v>6</v>
      </c>
      <c r="C1" s="3" t="s">
        <v>17</v>
      </c>
      <c r="D1" s="4" t="s">
        <v>18</v>
      </c>
      <c r="E1" s="4" t="s">
        <v>19</v>
      </c>
      <c r="F1" s="5" t="s">
        <v>20</v>
      </c>
      <c r="G1" s="5" t="s">
        <v>21</v>
      </c>
      <c r="H1" s="4" t="s">
        <v>23</v>
      </c>
      <c r="I1" s="3" t="s">
        <v>24</v>
      </c>
      <c r="J1" s="3" t="s">
        <v>25</v>
      </c>
      <c r="K1" s="4" t="s">
        <v>26</v>
      </c>
      <c r="L1" s="3" t="s">
        <v>28</v>
      </c>
      <c r="M1" s="3" t="s">
        <v>29</v>
      </c>
      <c r="N1" s="3" t="s">
        <v>30</v>
      </c>
      <c r="O1" s="3" t="s">
        <v>31</v>
      </c>
      <c r="P1" s="3" t="s">
        <v>32</v>
      </c>
      <c r="Q1" s="4" t="s">
        <v>33</v>
      </c>
      <c r="R1" s="4" t="s">
        <v>22</v>
      </c>
      <c r="S1" s="5" t="s">
        <v>35</v>
      </c>
      <c r="T1" s="4" t="s">
        <v>38</v>
      </c>
      <c r="U1" s="4" t="s">
        <v>39</v>
      </c>
      <c r="V1" s="4" t="s">
        <v>40</v>
      </c>
      <c r="W1" s="4" t="s">
        <v>41</v>
      </c>
      <c r="X1" s="4" t="s">
        <v>42</v>
      </c>
      <c r="Y1" s="4" t="s">
        <v>43</v>
      </c>
      <c r="Z1" s="4" t="s">
        <v>44</v>
      </c>
      <c r="AA1" s="4" t="s">
        <v>45</v>
      </c>
      <c r="AB1" s="4" t="s">
        <v>46</v>
      </c>
      <c r="AC1" s="4" t="s">
        <v>47</v>
      </c>
      <c r="AD1" s="4" t="s">
        <v>48</v>
      </c>
      <c r="AE1" s="4" t="s">
        <v>49</v>
      </c>
      <c r="AF1" s="4" t="s">
        <v>34</v>
      </c>
      <c r="AG1" s="6" t="s">
        <v>37</v>
      </c>
    </row>
    <row r="2" spans="1:33" x14ac:dyDescent="0.2"/>
  </sheetData>
  <pageMargins left="0.7" right="0.7" top="0.75" bottom="0.75" header="0.3" footer="0.3"/>
  <drawing r:id="rId1"/>
  <legacyDrawing r:id="rId2"/>
  <extLst>
    <ext xmlns:x14="http://schemas.microsoft.com/office/spreadsheetml/2009/9/main" uri="{CCE6A557-97BC-4b89-ADB6-D9C93CAAB3DF}">
      <x14:dataValidations xmlns:xm="http://schemas.microsoft.com/office/excel/2006/main" count="1">
        <x14:dataValidation type="list" allowBlank="1" errorTitle="Correct Code Needed" error="You need to use a code." xr:uid="{00000000-0002-0000-0200-000000000000}">
          <x14:formula1>
            <xm:f>'Predefined Columns and Codes'!$C$251:$C$273</xm:f>
          </x14:formula1>
          <xm:sqref>U5</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7"/>
  <dimension ref="A1:AO2"/>
  <sheetViews>
    <sheetView workbookViewId="0">
      <pane ySplit="1" topLeftCell="A2" activePane="bottomLeft" state="frozen"/>
      <selection pane="bottomLeft" activeCell="A3" sqref="A3"/>
    </sheetView>
  </sheetViews>
  <sheetFormatPr defaultRowHeight="12.75" x14ac:dyDescent="0.2"/>
  <cols>
    <col min="1" max="5" width="4" style="2" bestFit="1" customWidth="1"/>
    <col min="6" max="6" width="9.7109375" style="2" bestFit="1" customWidth="1"/>
    <col min="7" max="9" width="4" style="2" bestFit="1" customWidth="1"/>
    <col min="10" max="10" width="6.85546875" style="2" bestFit="1" customWidth="1"/>
    <col min="11" max="19" width="4" style="2" bestFit="1" customWidth="1"/>
    <col min="20" max="20" width="6.85546875" style="2" bestFit="1" customWidth="1"/>
    <col min="21" max="26" width="4" style="2" bestFit="1" customWidth="1"/>
    <col min="27" max="27" width="6.85546875" style="2" bestFit="1" customWidth="1"/>
    <col min="28" max="31" width="4" style="2" bestFit="1" customWidth="1"/>
    <col min="32" max="32" width="6.85546875" style="2" bestFit="1" customWidth="1"/>
    <col min="33" max="34" width="4" style="2" bestFit="1" customWidth="1"/>
    <col min="35" max="39" width="6.85546875" style="2" bestFit="1" customWidth="1"/>
    <col min="40" max="40" width="4" style="2" bestFit="1" customWidth="1"/>
    <col min="41" max="41" width="6.85546875" style="2" bestFit="1" customWidth="1"/>
    <col min="42" max="16384" width="9.140625" style="2"/>
  </cols>
  <sheetData>
    <row r="1" spans="1:41" s="1" customFormat="1" ht="134.25" customHeight="1" x14ac:dyDescent="0.25">
      <c r="A1" s="3" t="s">
        <v>4</v>
      </c>
      <c r="B1" s="3" t="s">
        <v>6</v>
      </c>
      <c r="C1" s="3" t="s">
        <v>17</v>
      </c>
      <c r="D1" s="4" t="s">
        <v>18</v>
      </c>
      <c r="E1" s="4" t="s">
        <v>19</v>
      </c>
      <c r="F1" s="5" t="s">
        <v>20</v>
      </c>
      <c r="G1" s="4" t="s">
        <v>23</v>
      </c>
      <c r="H1" s="3" t="s">
        <v>24</v>
      </c>
      <c r="I1" s="3" t="s">
        <v>25</v>
      </c>
      <c r="J1" s="4" t="s">
        <v>26</v>
      </c>
      <c r="K1" s="4" t="s">
        <v>27</v>
      </c>
      <c r="L1" s="3" t="s">
        <v>28</v>
      </c>
      <c r="M1" s="3" t="s">
        <v>29</v>
      </c>
      <c r="N1" s="3" t="s">
        <v>30</v>
      </c>
      <c r="O1" s="3" t="s">
        <v>31</v>
      </c>
      <c r="P1" s="3" t="s">
        <v>32</v>
      </c>
      <c r="Q1" s="4" t="s">
        <v>33</v>
      </c>
      <c r="R1" s="4" t="s">
        <v>41</v>
      </c>
      <c r="S1" s="4" t="s">
        <v>1269</v>
      </c>
      <c r="T1" s="4" t="s">
        <v>1270</v>
      </c>
      <c r="U1" s="4" t="s">
        <v>61</v>
      </c>
      <c r="V1" s="4" t="s">
        <v>63</v>
      </c>
      <c r="W1" s="4" t="s">
        <v>1271</v>
      </c>
      <c r="X1" s="4" t="s">
        <v>1272</v>
      </c>
      <c r="Y1" s="4" t="s">
        <v>1273</v>
      </c>
      <c r="Z1" s="4" t="s">
        <v>1274</v>
      </c>
      <c r="AA1" s="4" t="s">
        <v>1275</v>
      </c>
      <c r="AB1" s="4" t="s">
        <v>1276</v>
      </c>
      <c r="AC1" s="4" t="s">
        <v>1277</v>
      </c>
      <c r="AD1" s="4" t="s">
        <v>1278</v>
      </c>
      <c r="AE1" s="4" t="s">
        <v>1279</v>
      </c>
      <c r="AF1" s="4" t="s">
        <v>1280</v>
      </c>
      <c r="AG1" s="4" t="s">
        <v>1281</v>
      </c>
      <c r="AH1" s="4" t="s">
        <v>1282</v>
      </c>
      <c r="AI1" s="4" t="s">
        <v>1283</v>
      </c>
      <c r="AJ1" s="4" t="s">
        <v>1284</v>
      </c>
      <c r="AK1" s="4" t="s">
        <v>1285</v>
      </c>
      <c r="AL1" s="4" t="s">
        <v>1286</v>
      </c>
      <c r="AM1" s="4" t="s">
        <v>1287</v>
      </c>
      <c r="AN1" s="4" t="s">
        <v>34</v>
      </c>
      <c r="AO1" s="6" t="s">
        <v>37</v>
      </c>
    </row>
    <row r="2" spans="1:41" x14ac:dyDescent="0.2"/>
  </sheetData>
  <pageMargins left="0.7" right="0.7" top="0.75" bottom="0.75" header="0.3" footer="0.3"/>
  <drawing r:id="rId1"/>
  <legacyDrawing r:id="rId2"/>
  <extLst>
    <ext xmlns:x14="http://schemas.microsoft.com/office/spreadsheetml/2009/9/main" uri="{CCE6A557-97BC-4b89-ADB6-D9C93CAAB3DF}">
      <x14:dataValidations xmlns:xm="http://schemas.microsoft.com/office/excel/2006/main" count="1">
        <x14:dataValidation type="list" allowBlank="1" errorTitle="Correct Code Needed" error="You need to use a code." xr:uid="{00000000-0002-0000-0300-000000000000}">
          <x14:formula1>
            <xm:f>'Predefined Columns and Codes'!$C$680:$C$722</xm:f>
          </x14:formula1>
          <xm:sqref>U2</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AO1"/>
  <sheetViews>
    <sheetView workbookViewId="0">
      <pane ySplit="1" topLeftCell="A2" activePane="bottomLeft" state="frozen"/>
      <selection pane="bottomLeft" activeCell="A3" sqref="A3"/>
    </sheetView>
  </sheetViews>
  <sheetFormatPr defaultRowHeight="12.75" x14ac:dyDescent="0.2"/>
  <cols>
    <col min="1" max="6" width="4" style="2" bestFit="1" customWidth="1"/>
    <col min="7" max="7" width="6.85546875" style="2" bestFit="1" customWidth="1"/>
    <col min="8" max="14" width="4" style="2" bestFit="1" customWidth="1"/>
    <col min="15" max="15" width="6.85546875" style="2" bestFit="1" customWidth="1"/>
    <col min="16" max="16" width="4" style="2" bestFit="1" customWidth="1"/>
    <col min="17" max="17" width="6.85546875" style="2" customWidth="1"/>
    <col min="18" max="20" width="4" style="2" bestFit="1" customWidth="1"/>
    <col min="21" max="21" width="6.85546875" style="2" bestFit="1" customWidth="1"/>
    <col min="22" max="24" width="4" style="2" bestFit="1" customWidth="1"/>
    <col min="25" max="25" width="6.85546875" style="2" bestFit="1" customWidth="1"/>
    <col min="26" max="27" width="4" style="2" bestFit="1" customWidth="1"/>
    <col min="28" max="29" width="6.85546875" style="2" bestFit="1" customWidth="1"/>
    <col min="30" max="33" width="4" style="2" bestFit="1" customWidth="1"/>
    <col min="34" max="34" width="6.85546875" style="2" bestFit="1" customWidth="1"/>
    <col min="35" max="38" width="4" style="2" bestFit="1" customWidth="1"/>
    <col min="39" max="39" width="6.85546875" style="2" bestFit="1" customWidth="1"/>
    <col min="40" max="40" width="9.7109375" style="2" bestFit="1" customWidth="1"/>
    <col min="41" max="41" width="6.85546875" style="2" bestFit="1" customWidth="1"/>
    <col min="42" max="16384" width="9.140625" style="2"/>
  </cols>
  <sheetData>
    <row r="1" spans="1:41" s="1" customFormat="1" ht="121.5" customHeight="1" x14ac:dyDescent="0.25">
      <c r="A1" s="4" t="s">
        <v>4</v>
      </c>
      <c r="B1" s="4" t="s">
        <v>6</v>
      </c>
      <c r="C1" s="3" t="s">
        <v>51</v>
      </c>
      <c r="D1" s="3" t="s">
        <v>52</v>
      </c>
      <c r="E1" s="4" t="s">
        <v>53</v>
      </c>
      <c r="F1" s="4" t="s">
        <v>54</v>
      </c>
      <c r="G1" s="4" t="s">
        <v>55</v>
      </c>
      <c r="H1" s="3" t="s">
        <v>28</v>
      </c>
      <c r="I1" s="3" t="s">
        <v>29</v>
      </c>
      <c r="J1" s="3" t="s">
        <v>30</v>
      </c>
      <c r="K1" s="3" t="s">
        <v>31</v>
      </c>
      <c r="L1" s="3" t="s">
        <v>32</v>
      </c>
      <c r="M1" s="4" t="s">
        <v>33</v>
      </c>
      <c r="N1" s="4" t="s">
        <v>56</v>
      </c>
      <c r="O1" s="4" t="s">
        <v>57</v>
      </c>
      <c r="P1" s="4" t="s">
        <v>58</v>
      </c>
      <c r="Q1" s="5" t="s">
        <v>59</v>
      </c>
      <c r="R1" s="3" t="s">
        <v>24</v>
      </c>
      <c r="S1" s="3" t="s">
        <v>60</v>
      </c>
      <c r="T1" s="4" t="s">
        <v>61</v>
      </c>
      <c r="U1" s="4" t="s">
        <v>62</v>
      </c>
      <c r="V1" s="4" t="s">
        <v>63</v>
      </c>
      <c r="W1" s="4" t="s">
        <v>64</v>
      </c>
      <c r="X1" s="4" t="s">
        <v>65</v>
      </c>
      <c r="Y1" s="4" t="s">
        <v>66</v>
      </c>
      <c r="Z1" s="4" t="s">
        <v>67</v>
      </c>
      <c r="AA1" s="4" t="s">
        <v>68</v>
      </c>
      <c r="AB1" s="4" t="s">
        <v>69</v>
      </c>
      <c r="AC1" s="4" t="s">
        <v>70</v>
      </c>
      <c r="AD1" s="4" t="s">
        <v>71</v>
      </c>
      <c r="AE1" s="4" t="s">
        <v>72</v>
      </c>
      <c r="AF1" s="4" t="s">
        <v>73</v>
      </c>
      <c r="AG1" s="4" t="s">
        <v>74</v>
      </c>
      <c r="AH1" s="4" t="s">
        <v>75</v>
      </c>
      <c r="AI1" s="4" t="s">
        <v>76</v>
      </c>
      <c r="AJ1" s="4" t="s">
        <v>77</v>
      </c>
      <c r="AK1" s="4" t="s">
        <v>78</v>
      </c>
      <c r="AL1" s="4" t="s">
        <v>34</v>
      </c>
      <c r="AM1" s="4" t="s">
        <v>79</v>
      </c>
      <c r="AN1" s="5" t="s">
        <v>80</v>
      </c>
      <c r="AO1" s="6" t="s">
        <v>37</v>
      </c>
    </row>
  </sheetData>
  <pageMargins left="0.7" right="0.7" top="0.75" bottom="0.75" header="0.3" footer="0.3"/>
  <drawing r:id="rId1"/>
  <extLst>
    <ext xmlns:x14="http://schemas.microsoft.com/office/spreadsheetml/2009/9/main" uri="{CCE6A557-97BC-4b89-ADB6-D9C93CAAB3DF}">
      <x14:dataValidations xmlns:xm="http://schemas.microsoft.com/office/excel/2006/main" count="3">
        <x14:dataValidation type="list" allowBlank="1" errorTitle="Correct Code Needed" error="You need to use a code." xr:uid="{00000000-0002-0000-0400-000000000000}">
          <x14:formula1>
            <xm:f>'Predefined Columns and Codes'!$C$680:$C$722</xm:f>
          </x14:formula1>
          <xm:sqref>T2</xm:sqref>
        </x14:dataValidation>
        <x14:dataValidation type="list" allowBlank="1" errorTitle="Correct Code Needed" error="You need to use a code." xr:uid="{00000000-0002-0000-0400-000001000000}">
          <x14:formula1>
            <xm:f>'Predefined Columns and Codes'!$C$723:$C$730</xm:f>
          </x14:formula1>
          <xm:sqref>U2</xm:sqref>
        </x14:dataValidation>
        <x14:dataValidation type="list" allowBlank="1" errorTitle="Correct Code Needed" error="You need to use a code." xr:uid="{00000000-0002-0000-0400-000002000000}">
          <x14:formula1>
            <xm:f>'Predefined Columns and Codes'!$C$762:$C$766</xm:f>
          </x14:formula1>
          <xm:sqref>AH2</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F874"/>
  <sheetViews>
    <sheetView workbookViewId="0">
      <pane ySplit="1" topLeftCell="A2" activePane="bottomLeft" state="frozen"/>
      <selection pane="bottomLeft"/>
    </sheetView>
  </sheetViews>
  <sheetFormatPr defaultRowHeight="12" x14ac:dyDescent="0.25"/>
  <cols>
    <col min="1" max="1" width="14.7109375" style="18" customWidth="1"/>
    <col min="2" max="2" width="49.7109375" style="21" customWidth="1"/>
    <col min="3" max="3" width="10.7109375" style="17" customWidth="1"/>
    <col min="4" max="4" width="14.7109375" style="17" customWidth="1"/>
    <col min="5" max="5" width="38.7109375" style="17" customWidth="1"/>
    <col min="6" max="6" width="25.7109375" style="17" customWidth="1"/>
    <col min="7" max="16384" width="9.140625" style="17"/>
  </cols>
  <sheetData>
    <row r="1" spans="1:6" s="14" customFormat="1" ht="24" x14ac:dyDescent="0.25">
      <c r="A1" s="12" t="s">
        <v>1263</v>
      </c>
      <c r="B1" s="19" t="s">
        <v>1262</v>
      </c>
      <c r="C1" s="13" t="s">
        <v>1261</v>
      </c>
      <c r="D1" s="13" t="s">
        <v>1260</v>
      </c>
      <c r="E1" s="13" t="s">
        <v>1259</v>
      </c>
      <c r="F1" s="13" t="s">
        <v>1258</v>
      </c>
    </row>
    <row r="2" spans="1:6" ht="48.75" thickBot="1" x14ac:dyDescent="0.3">
      <c r="A2" s="22" t="s">
        <v>0</v>
      </c>
      <c r="B2" s="23" t="s">
        <v>1257</v>
      </c>
      <c r="C2" s="24"/>
      <c r="D2" s="24"/>
      <c r="E2" s="24"/>
      <c r="F2" s="16"/>
    </row>
    <row r="3" spans="1:6" ht="73.5" thickTop="1" thickBot="1" x14ac:dyDescent="0.3">
      <c r="A3" s="28" t="s">
        <v>1</v>
      </c>
      <c r="B3" s="29" t="s">
        <v>1256</v>
      </c>
      <c r="C3" s="30"/>
      <c r="D3" s="30"/>
      <c r="E3" s="30"/>
      <c r="F3" s="16" t="s">
        <v>1255</v>
      </c>
    </row>
    <row r="4" spans="1:6" ht="121.5" thickTop="1" thickBot="1" x14ac:dyDescent="0.3">
      <c r="A4" s="28" t="s">
        <v>2</v>
      </c>
      <c r="B4" s="29" t="s">
        <v>1254</v>
      </c>
      <c r="C4" s="30"/>
      <c r="D4" s="30"/>
      <c r="E4" s="30"/>
      <c r="F4" s="16" t="s">
        <v>1243</v>
      </c>
    </row>
    <row r="5" spans="1:6" ht="36.75" thickTop="1" x14ac:dyDescent="0.25">
      <c r="A5" s="25" t="s">
        <v>3</v>
      </c>
      <c r="B5" s="26" t="s">
        <v>1247</v>
      </c>
      <c r="C5" s="27" t="s">
        <v>1253</v>
      </c>
      <c r="D5" s="27" t="s">
        <v>1252</v>
      </c>
      <c r="E5" s="27" t="s">
        <v>1251</v>
      </c>
      <c r="F5" s="16" t="s">
        <v>1243</v>
      </c>
    </row>
    <row r="6" spans="1:6" ht="120" x14ac:dyDescent="0.25">
      <c r="A6" s="15" t="s">
        <v>3</v>
      </c>
      <c r="B6" s="20" t="s">
        <v>1247</v>
      </c>
      <c r="C6" s="16" t="s">
        <v>1250</v>
      </c>
      <c r="D6" s="16" t="s">
        <v>1249</v>
      </c>
      <c r="E6" s="16" t="s">
        <v>1248</v>
      </c>
      <c r="F6" s="16" t="s">
        <v>1243</v>
      </c>
    </row>
    <row r="7" spans="1:6" ht="60.75" thickBot="1" x14ac:dyDescent="0.3">
      <c r="A7" s="22" t="s">
        <v>3</v>
      </c>
      <c r="B7" s="23" t="s">
        <v>1247</v>
      </c>
      <c r="C7" s="24" t="s">
        <v>1246</v>
      </c>
      <c r="D7" s="24" t="s">
        <v>1245</v>
      </c>
      <c r="E7" s="24" t="s">
        <v>1244</v>
      </c>
      <c r="F7" s="16" t="s">
        <v>1243</v>
      </c>
    </row>
    <row r="8" spans="1:6" ht="145.5" thickTop="1" thickBot="1" x14ac:dyDescent="0.3">
      <c r="A8" s="28" t="s">
        <v>5</v>
      </c>
      <c r="B8" s="29" t="s">
        <v>1437</v>
      </c>
      <c r="C8" s="30"/>
      <c r="D8" s="30"/>
      <c r="E8" s="30"/>
      <c r="F8" s="16" t="s">
        <v>677</v>
      </c>
    </row>
    <row r="9" spans="1:6" ht="37.5" thickTop="1" thickBot="1" x14ac:dyDescent="0.3">
      <c r="A9" s="28" t="s">
        <v>1431</v>
      </c>
      <c r="B9" s="29" t="s">
        <v>653</v>
      </c>
      <c r="C9" s="30"/>
      <c r="D9" s="30"/>
      <c r="E9" s="30"/>
      <c r="F9" s="16" t="s">
        <v>677</v>
      </c>
    </row>
    <row r="10" spans="1:6" ht="145.5" thickTop="1" thickBot="1" x14ac:dyDescent="0.3">
      <c r="A10" s="28" t="s">
        <v>1242</v>
      </c>
      <c r="B10" s="29" t="s">
        <v>1241</v>
      </c>
      <c r="C10" s="30"/>
      <c r="D10" s="30"/>
      <c r="E10" s="30"/>
      <c r="F10" s="16" t="s">
        <v>675</v>
      </c>
    </row>
    <row r="11" spans="1:6" ht="49.5" thickTop="1" thickBot="1" x14ac:dyDescent="0.3">
      <c r="A11" s="28" t="s">
        <v>7</v>
      </c>
      <c r="B11" s="29" t="s">
        <v>1240</v>
      </c>
      <c r="C11" s="30"/>
      <c r="D11" s="30"/>
      <c r="E11" s="30"/>
      <c r="F11" s="16" t="s">
        <v>675</v>
      </c>
    </row>
    <row r="12" spans="1:6" ht="85.5" thickTop="1" thickBot="1" x14ac:dyDescent="0.3">
      <c r="A12" s="28" t="s">
        <v>8</v>
      </c>
      <c r="B12" s="29" t="s">
        <v>1239</v>
      </c>
      <c r="C12" s="30"/>
      <c r="D12" s="30"/>
      <c r="E12" s="30"/>
      <c r="F12" s="16" t="s">
        <v>675</v>
      </c>
    </row>
    <row r="13" spans="1:6" ht="85.5" thickTop="1" thickBot="1" x14ac:dyDescent="0.3">
      <c r="A13" s="28" t="s">
        <v>9</v>
      </c>
      <c r="B13" s="29" t="s">
        <v>1238</v>
      </c>
      <c r="C13" s="30"/>
      <c r="D13" s="30"/>
      <c r="E13" s="30"/>
      <c r="F13" s="16" t="s">
        <v>675</v>
      </c>
    </row>
    <row r="14" spans="1:6" ht="61.5" thickTop="1" thickBot="1" x14ac:dyDescent="0.3">
      <c r="A14" s="28" t="s">
        <v>10</v>
      </c>
      <c r="B14" s="29" t="s">
        <v>1237</v>
      </c>
      <c r="C14" s="30"/>
      <c r="D14" s="30"/>
      <c r="E14" s="30"/>
      <c r="F14" s="16" t="s">
        <v>675</v>
      </c>
    </row>
    <row r="15" spans="1:6" ht="61.5" thickTop="1" thickBot="1" x14ac:dyDescent="0.3">
      <c r="A15" s="28" t="s">
        <v>11</v>
      </c>
      <c r="B15" s="29" t="s">
        <v>1236</v>
      </c>
      <c r="C15" s="30"/>
      <c r="D15" s="30"/>
      <c r="E15" s="30"/>
      <c r="F15" s="16" t="s">
        <v>675</v>
      </c>
    </row>
    <row r="16" spans="1:6" ht="13.5" thickTop="1" thickBot="1" x14ac:dyDescent="0.3">
      <c r="A16" s="28" t="s">
        <v>1235</v>
      </c>
      <c r="B16" s="29" t="s">
        <v>1234</v>
      </c>
      <c r="C16" s="30"/>
      <c r="D16" s="30"/>
      <c r="E16" s="30"/>
      <c r="F16" s="16" t="s">
        <v>675</v>
      </c>
    </row>
    <row r="17" spans="1:6" ht="24.75" thickTop="1" x14ac:dyDescent="0.25">
      <c r="A17" s="25" t="s">
        <v>1141</v>
      </c>
      <c r="B17" s="26" t="s">
        <v>1140</v>
      </c>
      <c r="C17" s="27" t="s">
        <v>1233</v>
      </c>
      <c r="D17" s="27" t="s">
        <v>1232</v>
      </c>
      <c r="E17" s="27" t="s">
        <v>1231</v>
      </c>
      <c r="F17" s="16" t="s">
        <v>675</v>
      </c>
    </row>
    <row r="18" spans="1:6" ht="24" x14ac:dyDescent="0.25">
      <c r="A18" s="15" t="s">
        <v>1141</v>
      </c>
      <c r="B18" s="20" t="s">
        <v>1140</v>
      </c>
      <c r="C18" s="16" t="s">
        <v>1230</v>
      </c>
      <c r="D18" s="16" t="s">
        <v>1229</v>
      </c>
      <c r="E18" s="16" t="s">
        <v>1228</v>
      </c>
      <c r="F18" s="16" t="s">
        <v>675</v>
      </c>
    </row>
    <row r="19" spans="1:6" ht="24" x14ac:dyDescent="0.25">
      <c r="A19" s="15" t="s">
        <v>1141</v>
      </c>
      <c r="B19" s="20" t="s">
        <v>1140</v>
      </c>
      <c r="C19" s="16" t="s">
        <v>1227</v>
      </c>
      <c r="D19" s="16" t="s">
        <v>1226</v>
      </c>
      <c r="E19" s="16" t="s">
        <v>1225</v>
      </c>
      <c r="F19" s="16" t="s">
        <v>675</v>
      </c>
    </row>
    <row r="20" spans="1:6" ht="36" x14ac:dyDescent="0.25">
      <c r="A20" s="15" t="s">
        <v>1141</v>
      </c>
      <c r="B20" s="20" t="s">
        <v>1140</v>
      </c>
      <c r="C20" s="16" t="s">
        <v>1224</v>
      </c>
      <c r="D20" s="16" t="s">
        <v>1223</v>
      </c>
      <c r="E20" s="16" t="s">
        <v>1222</v>
      </c>
      <c r="F20" s="16" t="s">
        <v>675</v>
      </c>
    </row>
    <row r="21" spans="1:6" ht="36" x14ac:dyDescent="0.25">
      <c r="A21" s="15" t="s">
        <v>1141</v>
      </c>
      <c r="B21" s="20" t="s">
        <v>1140</v>
      </c>
      <c r="C21" s="16" t="s">
        <v>1221</v>
      </c>
      <c r="D21" s="16" t="s">
        <v>1220</v>
      </c>
      <c r="E21" s="16" t="s">
        <v>1219</v>
      </c>
      <c r="F21" s="16" t="s">
        <v>675</v>
      </c>
    </row>
    <row r="22" spans="1:6" ht="36" x14ac:dyDescent="0.25">
      <c r="A22" s="15" t="s">
        <v>1141</v>
      </c>
      <c r="B22" s="20" t="s">
        <v>1140</v>
      </c>
      <c r="C22" s="16" t="s">
        <v>1218</v>
      </c>
      <c r="D22" s="16" t="s">
        <v>1217</v>
      </c>
      <c r="E22" s="16" t="s">
        <v>1216</v>
      </c>
      <c r="F22" s="16" t="s">
        <v>675</v>
      </c>
    </row>
    <row r="23" spans="1:6" ht="24" x14ac:dyDescent="0.25">
      <c r="A23" s="15" t="s">
        <v>1141</v>
      </c>
      <c r="B23" s="20" t="s">
        <v>1140</v>
      </c>
      <c r="C23" s="16" t="s">
        <v>1215</v>
      </c>
      <c r="D23" s="16" t="s">
        <v>1214</v>
      </c>
      <c r="E23" s="16" t="s">
        <v>1213</v>
      </c>
      <c r="F23" s="16" t="s">
        <v>675</v>
      </c>
    </row>
    <row r="24" spans="1:6" ht="24" x14ac:dyDescent="0.25">
      <c r="A24" s="15" t="s">
        <v>1141</v>
      </c>
      <c r="B24" s="20" t="s">
        <v>1140</v>
      </c>
      <c r="C24" s="16" t="s">
        <v>1212</v>
      </c>
      <c r="D24" s="16" t="s">
        <v>1211</v>
      </c>
      <c r="E24" s="16" t="s">
        <v>1210</v>
      </c>
      <c r="F24" s="16" t="s">
        <v>675</v>
      </c>
    </row>
    <row r="25" spans="1:6" ht="24" x14ac:dyDescent="0.25">
      <c r="A25" s="15" t="s">
        <v>1141</v>
      </c>
      <c r="B25" s="20" t="s">
        <v>1140</v>
      </c>
      <c r="C25" s="16" t="s">
        <v>1209</v>
      </c>
      <c r="D25" s="16" t="s">
        <v>1208</v>
      </c>
      <c r="E25" s="16" t="s">
        <v>1207</v>
      </c>
      <c r="F25" s="16" t="s">
        <v>675</v>
      </c>
    </row>
    <row r="26" spans="1:6" ht="60" x14ac:dyDescent="0.25">
      <c r="A26" s="15" t="s">
        <v>1141</v>
      </c>
      <c r="B26" s="20" t="s">
        <v>1140</v>
      </c>
      <c r="C26" s="16" t="s">
        <v>1206</v>
      </c>
      <c r="D26" s="16" t="s">
        <v>1205</v>
      </c>
      <c r="E26" s="16" t="s">
        <v>1204</v>
      </c>
      <c r="F26" s="16" t="s">
        <v>675</v>
      </c>
    </row>
    <row r="27" spans="1:6" ht="24" x14ac:dyDescent="0.25">
      <c r="A27" s="15" t="s">
        <v>1141</v>
      </c>
      <c r="B27" s="20" t="s">
        <v>1140</v>
      </c>
      <c r="C27" s="16" t="s">
        <v>1203</v>
      </c>
      <c r="D27" s="16" t="s">
        <v>1202</v>
      </c>
      <c r="E27" s="16" t="s">
        <v>1201</v>
      </c>
      <c r="F27" s="16" t="s">
        <v>675</v>
      </c>
    </row>
    <row r="28" spans="1:6" ht="24" x14ac:dyDescent="0.25">
      <c r="A28" s="15" t="s">
        <v>1141</v>
      </c>
      <c r="B28" s="20" t="s">
        <v>1140</v>
      </c>
      <c r="C28" s="16" t="s">
        <v>1200</v>
      </c>
      <c r="D28" s="16" t="s">
        <v>1199</v>
      </c>
      <c r="E28" s="16" t="s">
        <v>1198</v>
      </c>
      <c r="F28" s="16" t="s">
        <v>675</v>
      </c>
    </row>
    <row r="29" spans="1:6" ht="24" x14ac:dyDescent="0.25">
      <c r="A29" s="15" t="s">
        <v>1141</v>
      </c>
      <c r="B29" s="20" t="s">
        <v>1140</v>
      </c>
      <c r="C29" s="16" t="s">
        <v>1197</v>
      </c>
      <c r="D29" s="16" t="s">
        <v>1196</v>
      </c>
      <c r="E29" s="16" t="s">
        <v>1193</v>
      </c>
      <c r="F29" s="16" t="s">
        <v>675</v>
      </c>
    </row>
    <row r="30" spans="1:6" ht="24" x14ac:dyDescent="0.25">
      <c r="A30" s="15" t="s">
        <v>1141</v>
      </c>
      <c r="B30" s="20" t="s">
        <v>1140</v>
      </c>
      <c r="C30" s="16" t="s">
        <v>1195</v>
      </c>
      <c r="D30" s="16" t="s">
        <v>1194</v>
      </c>
      <c r="E30" s="16" t="s">
        <v>1193</v>
      </c>
      <c r="F30" s="16" t="s">
        <v>675</v>
      </c>
    </row>
    <row r="31" spans="1:6" ht="24" x14ac:dyDescent="0.25">
      <c r="A31" s="15" t="s">
        <v>1141</v>
      </c>
      <c r="B31" s="20" t="s">
        <v>1140</v>
      </c>
      <c r="C31" s="16" t="s">
        <v>1192</v>
      </c>
      <c r="D31" s="16" t="s">
        <v>1191</v>
      </c>
      <c r="E31" s="16" t="s">
        <v>1190</v>
      </c>
      <c r="F31" s="16" t="s">
        <v>675</v>
      </c>
    </row>
    <row r="32" spans="1:6" ht="24" x14ac:dyDescent="0.25">
      <c r="A32" s="15" t="s">
        <v>1141</v>
      </c>
      <c r="B32" s="20" t="s">
        <v>1140</v>
      </c>
      <c r="C32" s="16" t="s">
        <v>1189</v>
      </c>
      <c r="D32" s="16" t="s">
        <v>1188</v>
      </c>
      <c r="E32" s="16" t="s">
        <v>1187</v>
      </c>
      <c r="F32" s="16" t="s">
        <v>675</v>
      </c>
    </row>
    <row r="33" spans="1:6" ht="24" x14ac:dyDescent="0.25">
      <c r="A33" s="15" t="s">
        <v>1141</v>
      </c>
      <c r="B33" s="20" t="s">
        <v>1140</v>
      </c>
      <c r="C33" s="16" t="s">
        <v>1186</v>
      </c>
      <c r="D33" s="16" t="s">
        <v>1185</v>
      </c>
      <c r="E33" s="16" t="s">
        <v>1185</v>
      </c>
      <c r="F33" s="16" t="s">
        <v>675</v>
      </c>
    </row>
    <row r="34" spans="1:6" ht="24" x14ac:dyDescent="0.25">
      <c r="A34" s="15" t="s">
        <v>1141</v>
      </c>
      <c r="B34" s="20" t="s">
        <v>1140</v>
      </c>
      <c r="C34" s="16" t="s">
        <v>1184</v>
      </c>
      <c r="D34" s="16" t="s">
        <v>1183</v>
      </c>
      <c r="E34" s="16" t="s">
        <v>1182</v>
      </c>
      <c r="F34" s="16" t="s">
        <v>675</v>
      </c>
    </row>
    <row r="35" spans="1:6" ht="24" x14ac:dyDescent="0.25">
      <c r="A35" s="15" t="s">
        <v>1141</v>
      </c>
      <c r="B35" s="20" t="s">
        <v>1140</v>
      </c>
      <c r="C35" s="16" t="s">
        <v>1181</v>
      </c>
      <c r="D35" s="16" t="s">
        <v>1180</v>
      </c>
      <c r="E35" s="16" t="s">
        <v>1179</v>
      </c>
      <c r="F35" s="16" t="s">
        <v>675</v>
      </c>
    </row>
    <row r="36" spans="1:6" ht="48" x14ac:dyDescent="0.25">
      <c r="A36" s="15" t="s">
        <v>1141</v>
      </c>
      <c r="B36" s="20" t="s">
        <v>1140</v>
      </c>
      <c r="C36" s="16" t="s">
        <v>1178</v>
      </c>
      <c r="D36" s="16" t="s">
        <v>1177</v>
      </c>
      <c r="E36" s="16" t="s">
        <v>1176</v>
      </c>
      <c r="F36" s="16" t="s">
        <v>675</v>
      </c>
    </row>
    <row r="37" spans="1:6" ht="24" x14ac:dyDescent="0.25">
      <c r="A37" s="15" t="s">
        <v>1141</v>
      </c>
      <c r="B37" s="20" t="s">
        <v>1140</v>
      </c>
      <c r="C37" s="16" t="s">
        <v>1175</v>
      </c>
      <c r="D37" s="16" t="s">
        <v>1174</v>
      </c>
      <c r="E37" s="16" t="s">
        <v>1174</v>
      </c>
      <c r="F37" s="16" t="s">
        <v>675</v>
      </c>
    </row>
    <row r="38" spans="1:6" ht="24" x14ac:dyDescent="0.25">
      <c r="A38" s="15" t="s">
        <v>1141</v>
      </c>
      <c r="B38" s="20" t="s">
        <v>1140</v>
      </c>
      <c r="C38" s="16" t="s">
        <v>1173</v>
      </c>
      <c r="D38" s="16" t="s">
        <v>1172</v>
      </c>
      <c r="E38" s="16" t="s">
        <v>1171</v>
      </c>
      <c r="F38" s="16" t="s">
        <v>675</v>
      </c>
    </row>
    <row r="39" spans="1:6" ht="24" x14ac:dyDescent="0.25">
      <c r="A39" s="15" t="s">
        <v>1141</v>
      </c>
      <c r="B39" s="20" t="s">
        <v>1140</v>
      </c>
      <c r="C39" s="16" t="s">
        <v>1170</v>
      </c>
      <c r="D39" s="16" t="s">
        <v>1169</v>
      </c>
      <c r="E39" s="16" t="s">
        <v>1168</v>
      </c>
      <c r="F39" s="16" t="s">
        <v>675</v>
      </c>
    </row>
    <row r="40" spans="1:6" ht="24" x14ac:dyDescent="0.25">
      <c r="A40" s="15" t="s">
        <v>1141</v>
      </c>
      <c r="B40" s="20" t="s">
        <v>1140</v>
      </c>
      <c r="C40" s="16" t="s">
        <v>1167</v>
      </c>
      <c r="D40" s="16" t="s">
        <v>1166</v>
      </c>
      <c r="E40" s="16" t="s">
        <v>1165</v>
      </c>
      <c r="F40" s="16" t="s">
        <v>675</v>
      </c>
    </row>
    <row r="41" spans="1:6" ht="24" x14ac:dyDescent="0.25">
      <c r="A41" s="15" t="s">
        <v>1141</v>
      </c>
      <c r="B41" s="20" t="s">
        <v>1140</v>
      </c>
      <c r="C41" s="16" t="s">
        <v>1164</v>
      </c>
      <c r="D41" s="16" t="s">
        <v>1163</v>
      </c>
      <c r="E41" s="16" t="s">
        <v>1162</v>
      </c>
      <c r="F41" s="16" t="s">
        <v>675</v>
      </c>
    </row>
    <row r="42" spans="1:6" ht="24" x14ac:dyDescent="0.25">
      <c r="A42" s="15" t="s">
        <v>1141</v>
      </c>
      <c r="B42" s="20" t="s">
        <v>1140</v>
      </c>
      <c r="C42" s="16" t="s">
        <v>1161</v>
      </c>
      <c r="D42" s="16" t="s">
        <v>1160</v>
      </c>
      <c r="E42" s="16" t="s">
        <v>1159</v>
      </c>
      <c r="F42" s="16" t="s">
        <v>675</v>
      </c>
    </row>
    <row r="43" spans="1:6" ht="24" x14ac:dyDescent="0.25">
      <c r="A43" s="15" t="s">
        <v>1141</v>
      </c>
      <c r="B43" s="20" t="s">
        <v>1140</v>
      </c>
      <c r="C43" s="16" t="s">
        <v>1158</v>
      </c>
      <c r="D43" s="16" t="s">
        <v>1157</v>
      </c>
      <c r="E43" s="16" t="s">
        <v>1157</v>
      </c>
      <c r="F43" s="16" t="s">
        <v>675</v>
      </c>
    </row>
    <row r="44" spans="1:6" ht="24" x14ac:dyDescent="0.25">
      <c r="A44" s="15" t="s">
        <v>1141</v>
      </c>
      <c r="B44" s="20" t="s">
        <v>1140</v>
      </c>
      <c r="C44" s="16" t="s">
        <v>1156</v>
      </c>
      <c r="D44" s="16" t="s">
        <v>1155</v>
      </c>
      <c r="E44" s="16" t="s">
        <v>1154</v>
      </c>
      <c r="F44" s="16" t="s">
        <v>675</v>
      </c>
    </row>
    <row r="45" spans="1:6" ht="24" x14ac:dyDescent="0.25">
      <c r="A45" s="15" t="s">
        <v>1141</v>
      </c>
      <c r="B45" s="20" t="s">
        <v>1140</v>
      </c>
      <c r="C45" s="16" t="s">
        <v>1153</v>
      </c>
      <c r="D45" s="16" t="s">
        <v>1152</v>
      </c>
      <c r="E45" s="16" t="s">
        <v>1152</v>
      </c>
      <c r="F45" s="16" t="s">
        <v>675</v>
      </c>
    </row>
    <row r="46" spans="1:6" ht="36" x14ac:dyDescent="0.25">
      <c r="A46" s="15" t="s">
        <v>1141</v>
      </c>
      <c r="B46" s="20" t="s">
        <v>1140</v>
      </c>
      <c r="C46" s="16" t="s">
        <v>1151</v>
      </c>
      <c r="D46" s="16" t="s">
        <v>1150</v>
      </c>
      <c r="E46" s="16" t="s">
        <v>1150</v>
      </c>
      <c r="F46" s="16" t="s">
        <v>675</v>
      </c>
    </row>
    <row r="47" spans="1:6" ht="24" x14ac:dyDescent="0.25">
      <c r="A47" s="15" t="s">
        <v>1141</v>
      </c>
      <c r="B47" s="20" t="s">
        <v>1140</v>
      </c>
      <c r="C47" s="16" t="s">
        <v>1149</v>
      </c>
      <c r="D47" s="16" t="s">
        <v>1148</v>
      </c>
      <c r="E47" s="16" t="s">
        <v>1148</v>
      </c>
      <c r="F47" s="16" t="s">
        <v>675</v>
      </c>
    </row>
    <row r="48" spans="1:6" ht="24" x14ac:dyDescent="0.25">
      <c r="A48" s="15" t="s">
        <v>1141</v>
      </c>
      <c r="B48" s="20" t="s">
        <v>1140</v>
      </c>
      <c r="C48" s="16" t="s">
        <v>1147</v>
      </c>
      <c r="D48" s="16" t="s">
        <v>1146</v>
      </c>
      <c r="E48" s="16" t="s">
        <v>1146</v>
      </c>
      <c r="F48" s="16" t="s">
        <v>675</v>
      </c>
    </row>
    <row r="49" spans="1:6" ht="24" x14ac:dyDescent="0.25">
      <c r="A49" s="15" t="s">
        <v>1141</v>
      </c>
      <c r="B49" s="20" t="s">
        <v>1140</v>
      </c>
      <c r="C49" s="16" t="s">
        <v>1145</v>
      </c>
      <c r="D49" s="16" t="s">
        <v>1144</v>
      </c>
      <c r="E49" s="16" t="s">
        <v>1144</v>
      </c>
      <c r="F49" s="16" t="s">
        <v>675</v>
      </c>
    </row>
    <row r="50" spans="1:6" ht="36" x14ac:dyDescent="0.25">
      <c r="A50" s="15" t="s">
        <v>1141</v>
      </c>
      <c r="B50" s="20" t="s">
        <v>1140</v>
      </c>
      <c r="C50" s="16" t="s">
        <v>1143</v>
      </c>
      <c r="D50" s="16" t="s">
        <v>1142</v>
      </c>
      <c r="E50" s="16" t="s">
        <v>1142</v>
      </c>
      <c r="F50" s="16" t="s">
        <v>675</v>
      </c>
    </row>
    <row r="51" spans="1:6" ht="24.75" thickBot="1" x14ac:dyDescent="0.3">
      <c r="A51" s="22" t="s">
        <v>1141</v>
      </c>
      <c r="B51" s="23" t="s">
        <v>1140</v>
      </c>
      <c r="C51" s="24" t="s">
        <v>1139</v>
      </c>
      <c r="D51" s="24" t="s">
        <v>1138</v>
      </c>
      <c r="E51" s="24" t="s">
        <v>1137</v>
      </c>
      <c r="F51" s="16" t="s">
        <v>675</v>
      </c>
    </row>
    <row r="52" spans="1:6" ht="25.5" thickTop="1" thickBot="1" x14ac:dyDescent="0.3">
      <c r="A52" s="28" t="s">
        <v>1136</v>
      </c>
      <c r="B52" s="29" t="s">
        <v>1135</v>
      </c>
      <c r="C52" s="30"/>
      <c r="D52" s="30"/>
      <c r="E52" s="30"/>
      <c r="F52" s="16" t="s">
        <v>675</v>
      </c>
    </row>
    <row r="53" spans="1:6" ht="13.5" thickTop="1" thickBot="1" x14ac:dyDescent="0.3">
      <c r="A53" s="28" t="s">
        <v>1134</v>
      </c>
      <c r="B53" s="29" t="s">
        <v>1133</v>
      </c>
      <c r="C53" s="30"/>
      <c r="D53" s="30"/>
      <c r="E53" s="30"/>
      <c r="F53" s="16" t="s">
        <v>675</v>
      </c>
    </row>
    <row r="54" spans="1:6" ht="13.5" thickTop="1" thickBot="1" x14ac:dyDescent="0.3">
      <c r="A54" s="28" t="s">
        <v>1132</v>
      </c>
      <c r="B54" s="29" t="s">
        <v>1131</v>
      </c>
      <c r="C54" s="30"/>
      <c r="D54" s="30"/>
      <c r="E54" s="30"/>
      <c r="F54" s="16" t="s">
        <v>675</v>
      </c>
    </row>
    <row r="55" spans="1:6" ht="13.5" thickTop="1" thickBot="1" x14ac:dyDescent="0.3">
      <c r="A55" s="28" t="s">
        <v>1130</v>
      </c>
      <c r="B55" s="29" t="s">
        <v>1129</v>
      </c>
      <c r="C55" s="30"/>
      <c r="D55" s="30"/>
      <c r="E55" s="30"/>
      <c r="F55" s="16" t="s">
        <v>675</v>
      </c>
    </row>
    <row r="56" spans="1:6" ht="24.75" thickTop="1" x14ac:dyDescent="0.25">
      <c r="A56" s="25" t="s">
        <v>1109</v>
      </c>
      <c r="B56" s="26" t="s">
        <v>1108</v>
      </c>
      <c r="C56" s="27" t="s">
        <v>1128</v>
      </c>
      <c r="D56" s="27" t="s">
        <v>1127</v>
      </c>
      <c r="E56" s="27"/>
      <c r="F56" s="16" t="s">
        <v>675</v>
      </c>
    </row>
    <row r="57" spans="1:6" ht="24" x14ac:dyDescent="0.25">
      <c r="A57" s="15" t="s">
        <v>1109</v>
      </c>
      <c r="B57" s="20" t="s">
        <v>1108</v>
      </c>
      <c r="C57" s="16" t="s">
        <v>292</v>
      </c>
      <c r="D57" s="16" t="s">
        <v>1126</v>
      </c>
      <c r="E57" s="16"/>
      <c r="F57" s="16" t="s">
        <v>675</v>
      </c>
    </row>
    <row r="58" spans="1:6" ht="24" x14ac:dyDescent="0.25">
      <c r="A58" s="15" t="s">
        <v>1109</v>
      </c>
      <c r="B58" s="20" t="s">
        <v>1108</v>
      </c>
      <c r="C58" s="16" t="s">
        <v>289</v>
      </c>
      <c r="D58" s="16" t="s">
        <v>1125</v>
      </c>
      <c r="E58" s="16"/>
      <c r="F58" s="16" t="s">
        <v>675</v>
      </c>
    </row>
    <row r="59" spans="1:6" ht="24" x14ac:dyDescent="0.25">
      <c r="A59" s="15" t="s">
        <v>1109</v>
      </c>
      <c r="B59" s="20" t="s">
        <v>1108</v>
      </c>
      <c r="C59" s="16" t="s">
        <v>286</v>
      </c>
      <c r="D59" s="16" t="s">
        <v>1124</v>
      </c>
      <c r="E59" s="16"/>
      <c r="F59" s="16" t="s">
        <v>675</v>
      </c>
    </row>
    <row r="60" spans="1:6" ht="24" x14ac:dyDescent="0.25">
      <c r="A60" s="15" t="s">
        <v>1109</v>
      </c>
      <c r="B60" s="20" t="s">
        <v>1108</v>
      </c>
      <c r="C60" s="16" t="s">
        <v>1123</v>
      </c>
      <c r="D60" s="16" t="s">
        <v>1122</v>
      </c>
      <c r="E60" s="16"/>
      <c r="F60" s="16" t="s">
        <v>675</v>
      </c>
    </row>
    <row r="61" spans="1:6" ht="24" x14ac:dyDescent="0.25">
      <c r="A61" s="15" t="s">
        <v>1109</v>
      </c>
      <c r="B61" s="20" t="s">
        <v>1108</v>
      </c>
      <c r="C61" s="16" t="s">
        <v>1121</v>
      </c>
      <c r="D61" s="16" t="s">
        <v>1120</v>
      </c>
      <c r="E61" s="16"/>
      <c r="F61" s="16" t="s">
        <v>675</v>
      </c>
    </row>
    <row r="62" spans="1:6" ht="24" x14ac:dyDescent="0.25">
      <c r="A62" s="15" t="s">
        <v>1109</v>
      </c>
      <c r="B62" s="20" t="s">
        <v>1108</v>
      </c>
      <c r="C62" s="16" t="s">
        <v>231</v>
      </c>
      <c r="D62" s="16" t="s">
        <v>1119</v>
      </c>
      <c r="E62" s="16"/>
      <c r="F62" s="16" t="s">
        <v>675</v>
      </c>
    </row>
    <row r="63" spans="1:6" ht="24" x14ac:dyDescent="0.25">
      <c r="A63" s="15" t="s">
        <v>1109</v>
      </c>
      <c r="B63" s="20" t="s">
        <v>1108</v>
      </c>
      <c r="C63" s="16" t="s">
        <v>1118</v>
      </c>
      <c r="D63" s="16" t="s">
        <v>1117</v>
      </c>
      <c r="E63" s="16"/>
      <c r="F63" s="16" t="s">
        <v>675</v>
      </c>
    </row>
    <row r="64" spans="1:6" ht="24" x14ac:dyDescent="0.25">
      <c r="A64" s="15" t="s">
        <v>1109</v>
      </c>
      <c r="B64" s="20" t="s">
        <v>1108</v>
      </c>
      <c r="C64" s="16" t="s">
        <v>1116</v>
      </c>
      <c r="D64" s="16" t="s">
        <v>1115</v>
      </c>
      <c r="E64" s="16"/>
      <c r="F64" s="16" t="s">
        <v>675</v>
      </c>
    </row>
    <row r="65" spans="1:6" ht="24" x14ac:dyDescent="0.25">
      <c r="A65" s="15" t="s">
        <v>1109</v>
      </c>
      <c r="B65" s="20" t="s">
        <v>1108</v>
      </c>
      <c r="C65" s="16" t="s">
        <v>1114</v>
      </c>
      <c r="D65" s="16" t="s">
        <v>1113</v>
      </c>
      <c r="E65" s="16"/>
      <c r="F65" s="16" t="s">
        <v>675</v>
      </c>
    </row>
    <row r="66" spans="1:6" ht="24" x14ac:dyDescent="0.25">
      <c r="A66" s="15" t="s">
        <v>1109</v>
      </c>
      <c r="B66" s="20" t="s">
        <v>1108</v>
      </c>
      <c r="C66" s="16" t="s">
        <v>1015</v>
      </c>
      <c r="D66" s="16" t="s">
        <v>1112</v>
      </c>
      <c r="E66" s="16"/>
      <c r="F66" s="16" t="s">
        <v>675</v>
      </c>
    </row>
    <row r="67" spans="1:6" ht="24" x14ac:dyDescent="0.25">
      <c r="A67" s="15" t="s">
        <v>1109</v>
      </c>
      <c r="B67" s="20" t="s">
        <v>1108</v>
      </c>
      <c r="C67" s="16" t="s">
        <v>1111</v>
      </c>
      <c r="D67" s="16" t="s">
        <v>1110</v>
      </c>
      <c r="E67" s="16"/>
      <c r="F67" s="16" t="s">
        <v>675</v>
      </c>
    </row>
    <row r="68" spans="1:6" ht="24.75" thickBot="1" x14ac:dyDescent="0.3">
      <c r="A68" s="22" t="s">
        <v>1109</v>
      </c>
      <c r="B68" s="23" t="s">
        <v>1108</v>
      </c>
      <c r="C68" s="24" t="s">
        <v>1107</v>
      </c>
      <c r="D68" s="24" t="s">
        <v>1106</v>
      </c>
      <c r="E68" s="24"/>
      <c r="F68" s="16" t="s">
        <v>675</v>
      </c>
    </row>
    <row r="69" spans="1:6" ht="25.5" thickTop="1" thickBot="1" x14ac:dyDescent="0.3">
      <c r="A69" s="28" t="s">
        <v>1105</v>
      </c>
      <c r="B69" s="29" t="s">
        <v>1104</v>
      </c>
      <c r="C69" s="30"/>
      <c r="D69" s="30"/>
      <c r="E69" s="30"/>
      <c r="F69" s="16" t="s">
        <v>675</v>
      </c>
    </row>
    <row r="70" spans="1:6" ht="25.5" thickTop="1" thickBot="1" x14ac:dyDescent="0.3">
      <c r="A70" s="28" t="s">
        <v>12</v>
      </c>
      <c r="B70" s="29" t="s">
        <v>1103</v>
      </c>
      <c r="C70" s="30"/>
      <c r="D70" s="30"/>
      <c r="E70" s="30"/>
      <c r="F70" s="16" t="s">
        <v>675</v>
      </c>
    </row>
    <row r="71" spans="1:6" ht="145.5" thickTop="1" thickBot="1" x14ac:dyDescent="0.3">
      <c r="A71" s="28" t="s">
        <v>13</v>
      </c>
      <c r="B71" s="29" t="s">
        <v>1432</v>
      </c>
      <c r="C71" s="30"/>
      <c r="D71" s="30"/>
      <c r="E71" s="30"/>
      <c r="F71" s="16" t="s">
        <v>675</v>
      </c>
    </row>
    <row r="72" spans="1:6" ht="37.5" thickTop="1" thickBot="1" x14ac:dyDescent="0.3">
      <c r="A72" s="28" t="s">
        <v>1426</v>
      </c>
      <c r="B72" s="29" t="s">
        <v>1102</v>
      </c>
      <c r="C72" s="30"/>
      <c r="D72" s="30"/>
      <c r="E72" s="30"/>
      <c r="F72" s="16" t="s">
        <v>675</v>
      </c>
    </row>
    <row r="73" spans="1:6" ht="61.5" thickTop="1" thickBot="1" x14ac:dyDescent="0.3">
      <c r="A73" s="28" t="s">
        <v>14</v>
      </c>
      <c r="B73" s="29" t="s">
        <v>1101</v>
      </c>
      <c r="C73" s="30"/>
      <c r="D73" s="30"/>
      <c r="E73" s="30"/>
      <c r="F73" s="16"/>
    </row>
    <row r="74" spans="1:6" ht="49.5" thickTop="1" thickBot="1" x14ac:dyDescent="0.3">
      <c r="A74" s="28" t="s">
        <v>15</v>
      </c>
      <c r="B74" s="29" t="s">
        <v>1100</v>
      </c>
      <c r="C74" s="30"/>
      <c r="D74" s="30"/>
      <c r="E74" s="30"/>
      <c r="F74" s="16" t="s">
        <v>1098</v>
      </c>
    </row>
    <row r="75" spans="1:6" ht="73.5" thickTop="1" thickBot="1" x14ac:dyDescent="0.3">
      <c r="A75" s="28" t="s">
        <v>16</v>
      </c>
      <c r="B75" s="29" t="s">
        <v>1099</v>
      </c>
      <c r="C75" s="30"/>
      <c r="D75" s="30"/>
      <c r="E75" s="30"/>
      <c r="F75" s="16" t="s">
        <v>1098</v>
      </c>
    </row>
    <row r="76" spans="1:6" ht="109.5" thickTop="1" thickBot="1" x14ac:dyDescent="0.3">
      <c r="A76" s="28" t="s">
        <v>17</v>
      </c>
      <c r="B76" s="29" t="s">
        <v>1097</v>
      </c>
      <c r="C76" s="30"/>
      <c r="D76" s="30"/>
      <c r="E76" s="30"/>
      <c r="F76" s="16" t="s">
        <v>1050</v>
      </c>
    </row>
    <row r="77" spans="1:6" ht="121.5" thickTop="1" thickBot="1" x14ac:dyDescent="0.3">
      <c r="A77" s="28" t="s">
        <v>18</v>
      </c>
      <c r="B77" s="29" t="s">
        <v>1096</v>
      </c>
      <c r="C77" s="30"/>
      <c r="D77" s="30"/>
      <c r="E77" s="30"/>
      <c r="F77" s="16" t="s">
        <v>1050</v>
      </c>
    </row>
    <row r="78" spans="1:6" ht="25.5" thickTop="1" thickBot="1" x14ac:dyDescent="0.3">
      <c r="A78" s="28" t="s">
        <v>1095</v>
      </c>
      <c r="B78" s="29" t="s">
        <v>1094</v>
      </c>
      <c r="C78" s="30"/>
      <c r="D78" s="30"/>
      <c r="E78" s="30"/>
      <c r="F78" s="16" t="s">
        <v>1050</v>
      </c>
    </row>
    <row r="79" spans="1:6" ht="109.5" thickTop="1" thickBot="1" x14ac:dyDescent="0.3">
      <c r="A79" s="28" t="s">
        <v>19</v>
      </c>
      <c r="B79" s="29" t="s">
        <v>1093</v>
      </c>
      <c r="C79" s="30"/>
      <c r="D79" s="30"/>
      <c r="E79" s="30"/>
      <c r="F79" s="16" t="s">
        <v>1050</v>
      </c>
    </row>
    <row r="80" spans="1:6" ht="49.5" thickTop="1" thickBot="1" x14ac:dyDescent="0.3">
      <c r="A80" s="28" t="s">
        <v>1092</v>
      </c>
      <c r="B80" s="29" t="s">
        <v>1091</v>
      </c>
      <c r="C80" s="30"/>
      <c r="D80" s="30"/>
      <c r="E80" s="30"/>
      <c r="F80" s="16" t="s">
        <v>1050</v>
      </c>
    </row>
    <row r="81" spans="1:6" ht="24.75" thickTop="1" x14ac:dyDescent="0.25">
      <c r="A81" s="25" t="s">
        <v>1087</v>
      </c>
      <c r="B81" s="26" t="s">
        <v>1086</v>
      </c>
      <c r="C81" s="27" t="s">
        <v>115</v>
      </c>
      <c r="D81" s="27" t="s">
        <v>1090</v>
      </c>
      <c r="E81" s="27"/>
      <c r="F81" s="16" t="s">
        <v>1050</v>
      </c>
    </row>
    <row r="82" spans="1:6" ht="24" x14ac:dyDescent="0.25">
      <c r="A82" s="15" t="s">
        <v>1087</v>
      </c>
      <c r="B82" s="20" t="s">
        <v>1086</v>
      </c>
      <c r="C82" s="16" t="s">
        <v>181</v>
      </c>
      <c r="D82" s="16" t="s">
        <v>1089</v>
      </c>
      <c r="E82" s="16"/>
      <c r="F82" s="16" t="s">
        <v>1050</v>
      </c>
    </row>
    <row r="83" spans="1:6" ht="24" x14ac:dyDescent="0.25">
      <c r="A83" s="15" t="s">
        <v>1087</v>
      </c>
      <c r="B83" s="20" t="s">
        <v>1086</v>
      </c>
      <c r="C83" s="16" t="s">
        <v>112</v>
      </c>
      <c r="D83" s="16" t="s">
        <v>1088</v>
      </c>
      <c r="E83" s="16"/>
      <c r="F83" s="16" t="s">
        <v>1050</v>
      </c>
    </row>
    <row r="84" spans="1:6" ht="24.75" thickBot="1" x14ac:dyDescent="0.3">
      <c r="A84" s="22" t="s">
        <v>1087</v>
      </c>
      <c r="B84" s="23" t="s">
        <v>1086</v>
      </c>
      <c r="C84" s="24" t="s">
        <v>120</v>
      </c>
      <c r="D84" s="24" t="s">
        <v>1085</v>
      </c>
      <c r="E84" s="24"/>
      <c r="F84" s="16" t="s">
        <v>1050</v>
      </c>
    </row>
    <row r="85" spans="1:6" ht="24.75" thickTop="1" x14ac:dyDescent="0.25">
      <c r="A85" s="25" t="s">
        <v>1078</v>
      </c>
      <c r="B85" s="26" t="s">
        <v>1077</v>
      </c>
      <c r="C85" s="27" t="s">
        <v>1084</v>
      </c>
      <c r="D85" s="27" t="s">
        <v>1083</v>
      </c>
      <c r="E85" s="27" t="s">
        <v>1082</v>
      </c>
      <c r="F85" s="16" t="s">
        <v>1050</v>
      </c>
    </row>
    <row r="86" spans="1:6" ht="24" x14ac:dyDescent="0.25">
      <c r="A86" s="15" t="s">
        <v>1078</v>
      </c>
      <c r="B86" s="20" t="s">
        <v>1077</v>
      </c>
      <c r="C86" s="16" t="s">
        <v>1081</v>
      </c>
      <c r="D86" s="16" t="s">
        <v>1080</v>
      </c>
      <c r="E86" s="16" t="s">
        <v>1079</v>
      </c>
      <c r="F86" s="16" t="s">
        <v>1050</v>
      </c>
    </row>
    <row r="87" spans="1:6" ht="24.75" thickBot="1" x14ac:dyDescent="0.3">
      <c r="A87" s="22" t="s">
        <v>1078</v>
      </c>
      <c r="B87" s="23" t="s">
        <v>1077</v>
      </c>
      <c r="C87" s="24" t="s">
        <v>1076</v>
      </c>
      <c r="D87" s="24" t="s">
        <v>1075</v>
      </c>
      <c r="E87" s="24" t="s">
        <v>1074</v>
      </c>
      <c r="F87" s="16" t="s">
        <v>1050</v>
      </c>
    </row>
    <row r="88" spans="1:6" ht="25.5" thickTop="1" thickBot="1" x14ac:dyDescent="0.3">
      <c r="A88" s="28" t="s">
        <v>1073</v>
      </c>
      <c r="B88" s="29" t="s">
        <v>1072</v>
      </c>
      <c r="C88" s="30"/>
      <c r="D88" s="30"/>
      <c r="E88" s="30"/>
      <c r="F88" s="16" t="s">
        <v>1050</v>
      </c>
    </row>
    <row r="89" spans="1:6" ht="37.5" thickTop="1" thickBot="1" x14ac:dyDescent="0.3">
      <c r="A89" s="28" t="s">
        <v>1071</v>
      </c>
      <c r="B89" s="29" t="s">
        <v>1070</v>
      </c>
      <c r="C89" s="30"/>
      <c r="D89" s="30"/>
      <c r="E89" s="30"/>
      <c r="F89" s="16" t="s">
        <v>1050</v>
      </c>
    </row>
    <row r="90" spans="1:6" ht="61.5" thickTop="1" thickBot="1" x14ac:dyDescent="0.3">
      <c r="A90" s="28" t="s">
        <v>1069</v>
      </c>
      <c r="B90" s="29" t="s">
        <v>1068</v>
      </c>
      <c r="C90" s="30"/>
      <c r="D90" s="30"/>
      <c r="E90" s="30"/>
      <c r="F90" s="16" t="s">
        <v>1050</v>
      </c>
    </row>
    <row r="91" spans="1:6" ht="25.5" thickTop="1" thickBot="1" x14ac:dyDescent="0.3">
      <c r="A91" s="28" t="s">
        <v>1067</v>
      </c>
      <c r="B91" s="29" t="s">
        <v>1066</v>
      </c>
      <c r="C91" s="30"/>
      <c r="D91" s="30"/>
      <c r="E91" s="30"/>
      <c r="F91" s="16" t="s">
        <v>1050</v>
      </c>
    </row>
    <row r="92" spans="1:6" ht="37.5" thickTop="1" thickBot="1" x14ac:dyDescent="0.3">
      <c r="A92" s="28" t="s">
        <v>1065</v>
      </c>
      <c r="B92" s="29" t="s">
        <v>1064</v>
      </c>
      <c r="C92" s="30"/>
      <c r="D92" s="30"/>
      <c r="E92" s="30"/>
      <c r="F92" s="16" t="s">
        <v>1050</v>
      </c>
    </row>
    <row r="93" spans="1:6" ht="37.5" thickTop="1" thickBot="1" x14ac:dyDescent="0.3">
      <c r="A93" s="28" t="s">
        <v>1063</v>
      </c>
      <c r="B93" s="29" t="s">
        <v>1062</v>
      </c>
      <c r="C93" s="30"/>
      <c r="D93" s="30"/>
      <c r="E93" s="30"/>
      <c r="F93" s="16" t="s">
        <v>1050</v>
      </c>
    </row>
    <row r="94" spans="1:6" ht="25.5" thickTop="1" thickBot="1" x14ac:dyDescent="0.3">
      <c r="A94" s="28" t="s">
        <v>1061</v>
      </c>
      <c r="B94" s="29" t="s">
        <v>1060</v>
      </c>
      <c r="C94" s="30"/>
      <c r="D94" s="30"/>
      <c r="E94" s="30"/>
      <c r="F94" s="16" t="s">
        <v>1050</v>
      </c>
    </row>
    <row r="95" spans="1:6" ht="25.5" thickTop="1" thickBot="1" x14ac:dyDescent="0.3">
      <c r="A95" s="28" t="s">
        <v>1059</v>
      </c>
      <c r="B95" s="29" t="s">
        <v>1058</v>
      </c>
      <c r="C95" s="30"/>
      <c r="D95" s="30"/>
      <c r="E95" s="30"/>
      <c r="F95" s="16" t="s">
        <v>1050</v>
      </c>
    </row>
    <row r="96" spans="1:6" ht="25.5" thickTop="1" thickBot="1" x14ac:dyDescent="0.3">
      <c r="A96" s="28" t="s">
        <v>1057</v>
      </c>
      <c r="B96" s="29" t="s">
        <v>1056</v>
      </c>
      <c r="C96" s="30"/>
      <c r="D96" s="30"/>
      <c r="E96" s="30"/>
      <c r="F96" s="16" t="s">
        <v>1050</v>
      </c>
    </row>
    <row r="97" spans="1:6" ht="37.5" thickTop="1" thickBot="1" x14ac:dyDescent="0.3">
      <c r="A97" s="28" t="s">
        <v>1055</v>
      </c>
      <c r="B97" s="29" t="s">
        <v>1054</v>
      </c>
      <c r="C97" s="30"/>
      <c r="D97" s="30"/>
      <c r="E97" s="30"/>
      <c r="F97" s="16" t="s">
        <v>1050</v>
      </c>
    </row>
    <row r="98" spans="1:6" ht="25.5" thickTop="1" thickBot="1" x14ac:dyDescent="0.3">
      <c r="A98" s="28" t="s">
        <v>1053</v>
      </c>
      <c r="B98" s="29" t="s">
        <v>1052</v>
      </c>
      <c r="C98" s="30"/>
      <c r="D98" s="30"/>
      <c r="E98" s="30"/>
      <c r="F98" s="16" t="s">
        <v>1050</v>
      </c>
    </row>
    <row r="99" spans="1:6" ht="157.5" thickTop="1" thickBot="1" x14ac:dyDescent="0.3">
      <c r="A99" s="28" t="s">
        <v>1051</v>
      </c>
      <c r="B99" s="29" t="s">
        <v>1433</v>
      </c>
      <c r="C99" s="30"/>
      <c r="D99" s="30"/>
      <c r="E99" s="30"/>
      <c r="F99" s="16" t="s">
        <v>1050</v>
      </c>
    </row>
    <row r="100" spans="1:6" ht="37.5" thickTop="1" thickBot="1" x14ac:dyDescent="0.3">
      <c r="A100" s="28" t="s">
        <v>1427</v>
      </c>
      <c r="B100" s="29" t="s">
        <v>653</v>
      </c>
      <c r="C100" s="30"/>
      <c r="D100" s="30"/>
      <c r="E100" s="30"/>
      <c r="F100" s="16" t="s">
        <v>1050</v>
      </c>
    </row>
    <row r="101" spans="1:6" ht="61.5" thickTop="1" thickBot="1" x14ac:dyDescent="0.3">
      <c r="A101" s="28" t="s">
        <v>20</v>
      </c>
      <c r="B101" s="29" t="s">
        <v>1049</v>
      </c>
      <c r="C101" s="30"/>
      <c r="D101" s="30"/>
      <c r="E101" s="30"/>
      <c r="F101" s="16"/>
    </row>
    <row r="102" spans="1:6" ht="60.75" thickTop="1" x14ac:dyDescent="0.25">
      <c r="A102" s="25" t="s">
        <v>1045</v>
      </c>
      <c r="B102" s="26" t="s">
        <v>1044</v>
      </c>
      <c r="C102" s="27" t="s">
        <v>1048</v>
      </c>
      <c r="D102" s="27" t="s">
        <v>1047</v>
      </c>
      <c r="E102" s="27" t="s">
        <v>1046</v>
      </c>
      <c r="F102" s="16" t="s">
        <v>862</v>
      </c>
    </row>
    <row r="103" spans="1:6" ht="60.75" thickBot="1" x14ac:dyDescent="0.3">
      <c r="A103" s="22" t="s">
        <v>1045</v>
      </c>
      <c r="B103" s="23" t="s">
        <v>1044</v>
      </c>
      <c r="C103" s="24" t="s">
        <v>1043</v>
      </c>
      <c r="D103" s="24" t="s">
        <v>1042</v>
      </c>
      <c r="E103" s="24" t="s">
        <v>1041</v>
      </c>
      <c r="F103" s="16" t="s">
        <v>862</v>
      </c>
    </row>
    <row r="104" spans="1:6" ht="121.5" thickTop="1" thickBot="1" x14ac:dyDescent="0.3">
      <c r="A104" s="28" t="s">
        <v>1040</v>
      </c>
      <c r="B104" s="29" t="s">
        <v>1039</v>
      </c>
      <c r="C104" s="30"/>
      <c r="D104" s="30"/>
      <c r="E104" s="30"/>
      <c r="F104" s="16" t="s">
        <v>862</v>
      </c>
    </row>
    <row r="105" spans="1:6" ht="85.5" thickTop="1" thickBot="1" x14ac:dyDescent="0.3">
      <c r="A105" s="28" t="s">
        <v>1038</v>
      </c>
      <c r="B105" s="29" t="s">
        <v>1037</v>
      </c>
      <c r="C105" s="30"/>
      <c r="D105" s="30"/>
      <c r="E105" s="30"/>
      <c r="F105" s="16" t="s">
        <v>862</v>
      </c>
    </row>
    <row r="106" spans="1:6" ht="25.5" thickTop="1" thickBot="1" x14ac:dyDescent="0.3">
      <c r="A106" s="28" t="s">
        <v>1036</v>
      </c>
      <c r="B106" s="29" t="s">
        <v>1035</v>
      </c>
      <c r="C106" s="30"/>
      <c r="D106" s="30"/>
      <c r="E106" s="30"/>
      <c r="F106" s="16" t="s">
        <v>862</v>
      </c>
    </row>
    <row r="107" spans="1:6" ht="84.75" thickTop="1" x14ac:dyDescent="0.25">
      <c r="A107" s="25" t="s">
        <v>1034</v>
      </c>
      <c r="B107" s="26" t="s">
        <v>1033</v>
      </c>
      <c r="C107" s="27">
        <v>0</v>
      </c>
      <c r="D107" s="27" t="s">
        <v>146</v>
      </c>
      <c r="E107" s="27" t="s">
        <v>145</v>
      </c>
      <c r="F107" s="16" t="s">
        <v>862</v>
      </c>
    </row>
    <row r="108" spans="1:6" ht="84" x14ac:dyDescent="0.25">
      <c r="A108" s="15" t="s">
        <v>1034</v>
      </c>
      <c r="B108" s="20" t="s">
        <v>1033</v>
      </c>
      <c r="C108" s="16">
        <v>1</v>
      </c>
      <c r="D108" s="16" t="s">
        <v>144</v>
      </c>
      <c r="E108" s="16" t="s">
        <v>143</v>
      </c>
      <c r="F108" s="16" t="s">
        <v>862</v>
      </c>
    </row>
    <row r="109" spans="1:6" ht="84" x14ac:dyDescent="0.25">
      <c r="A109" s="15" t="s">
        <v>1034</v>
      </c>
      <c r="B109" s="20" t="s">
        <v>1033</v>
      </c>
      <c r="C109" s="16">
        <v>2</v>
      </c>
      <c r="D109" s="16" t="s">
        <v>142</v>
      </c>
      <c r="E109" s="16" t="s">
        <v>141</v>
      </c>
      <c r="F109" s="16" t="s">
        <v>862</v>
      </c>
    </row>
    <row r="110" spans="1:6" ht="84" x14ac:dyDescent="0.25">
      <c r="A110" s="15" t="s">
        <v>1034</v>
      </c>
      <c r="B110" s="20" t="s">
        <v>1033</v>
      </c>
      <c r="C110" s="16">
        <v>3</v>
      </c>
      <c r="D110" s="16" t="s">
        <v>140</v>
      </c>
      <c r="E110" s="16" t="s">
        <v>139</v>
      </c>
      <c r="F110" s="16" t="s">
        <v>862</v>
      </c>
    </row>
    <row r="111" spans="1:6" ht="84" x14ac:dyDescent="0.25">
      <c r="A111" s="15" t="s">
        <v>1034</v>
      </c>
      <c r="B111" s="20" t="s">
        <v>1033</v>
      </c>
      <c r="C111" s="16">
        <v>4</v>
      </c>
      <c r="D111" s="16" t="s">
        <v>138</v>
      </c>
      <c r="E111" s="16" t="s">
        <v>137</v>
      </c>
      <c r="F111" s="16" t="s">
        <v>862</v>
      </c>
    </row>
    <row r="112" spans="1:6" ht="84" x14ac:dyDescent="0.25">
      <c r="A112" s="15" t="s">
        <v>1034</v>
      </c>
      <c r="B112" s="20" t="s">
        <v>1033</v>
      </c>
      <c r="C112" s="16">
        <v>5</v>
      </c>
      <c r="D112" s="16" t="s">
        <v>136</v>
      </c>
      <c r="E112" s="16" t="s">
        <v>135</v>
      </c>
      <c r="F112" s="16" t="s">
        <v>862</v>
      </c>
    </row>
    <row r="113" spans="1:6" ht="84.75" thickBot="1" x14ac:dyDescent="0.3">
      <c r="A113" s="22" t="s">
        <v>1034</v>
      </c>
      <c r="B113" s="23" t="s">
        <v>1033</v>
      </c>
      <c r="C113" s="24">
        <v>6</v>
      </c>
      <c r="D113" s="24" t="s">
        <v>132</v>
      </c>
      <c r="E113" s="24" t="s">
        <v>131</v>
      </c>
      <c r="F113" s="16" t="s">
        <v>862</v>
      </c>
    </row>
    <row r="114" spans="1:6" ht="24.75" thickTop="1" x14ac:dyDescent="0.25">
      <c r="A114" s="25" t="s">
        <v>1032</v>
      </c>
      <c r="B114" s="26" t="s">
        <v>1031</v>
      </c>
      <c r="C114" s="27" t="s">
        <v>120</v>
      </c>
      <c r="D114" s="27" t="s">
        <v>726</v>
      </c>
      <c r="E114" s="27"/>
      <c r="F114" s="16" t="s">
        <v>862</v>
      </c>
    </row>
    <row r="115" spans="1:6" ht="24" x14ac:dyDescent="0.25">
      <c r="A115" s="15" t="s">
        <v>1032</v>
      </c>
      <c r="B115" s="20" t="s">
        <v>1031</v>
      </c>
      <c r="C115" s="16" t="s">
        <v>725</v>
      </c>
      <c r="D115" s="16" t="s">
        <v>724</v>
      </c>
      <c r="E115" s="16"/>
      <c r="F115" s="16" t="s">
        <v>862</v>
      </c>
    </row>
    <row r="116" spans="1:6" ht="24" x14ac:dyDescent="0.25">
      <c r="A116" s="15" t="s">
        <v>1032</v>
      </c>
      <c r="B116" s="20" t="s">
        <v>1031</v>
      </c>
      <c r="C116" s="16" t="s">
        <v>723</v>
      </c>
      <c r="D116" s="16" t="s">
        <v>722</v>
      </c>
      <c r="E116" s="16"/>
      <c r="F116" s="16" t="s">
        <v>862</v>
      </c>
    </row>
    <row r="117" spans="1:6" ht="24" x14ac:dyDescent="0.25">
      <c r="A117" s="15" t="s">
        <v>1032</v>
      </c>
      <c r="B117" s="20" t="s">
        <v>1031</v>
      </c>
      <c r="C117" s="16" t="s">
        <v>721</v>
      </c>
      <c r="D117" s="16" t="s">
        <v>720</v>
      </c>
      <c r="E117" s="16"/>
      <c r="F117" s="16" t="s">
        <v>862</v>
      </c>
    </row>
    <row r="118" spans="1:6" ht="24" x14ac:dyDescent="0.25">
      <c r="A118" s="15" t="s">
        <v>1032</v>
      </c>
      <c r="B118" s="20" t="s">
        <v>1031</v>
      </c>
      <c r="C118" s="16" t="s">
        <v>419</v>
      </c>
      <c r="D118" s="16" t="s">
        <v>719</v>
      </c>
      <c r="E118" s="16"/>
      <c r="F118" s="16" t="s">
        <v>862</v>
      </c>
    </row>
    <row r="119" spans="1:6" ht="24" x14ac:dyDescent="0.25">
      <c r="A119" s="15" t="s">
        <v>1032</v>
      </c>
      <c r="B119" s="20" t="s">
        <v>1031</v>
      </c>
      <c r="C119" s="16" t="s">
        <v>718</v>
      </c>
      <c r="D119" s="16" t="s">
        <v>717</v>
      </c>
      <c r="E119" s="16"/>
      <c r="F119" s="16" t="s">
        <v>862</v>
      </c>
    </row>
    <row r="120" spans="1:6" ht="24" x14ac:dyDescent="0.25">
      <c r="A120" s="15" t="s">
        <v>1032</v>
      </c>
      <c r="B120" s="20" t="s">
        <v>1031</v>
      </c>
      <c r="C120" s="16" t="s">
        <v>716</v>
      </c>
      <c r="D120" s="16" t="s">
        <v>715</v>
      </c>
      <c r="E120" s="16"/>
      <c r="F120" s="16" t="s">
        <v>862</v>
      </c>
    </row>
    <row r="121" spans="1:6" ht="24" x14ac:dyDescent="0.25">
      <c r="A121" s="15" t="s">
        <v>1032</v>
      </c>
      <c r="B121" s="20" t="s">
        <v>1031</v>
      </c>
      <c r="C121" s="16" t="s">
        <v>714</v>
      </c>
      <c r="D121" s="16" t="s">
        <v>713</v>
      </c>
      <c r="E121" s="16"/>
      <c r="F121" s="16" t="s">
        <v>862</v>
      </c>
    </row>
    <row r="122" spans="1:6" ht="24" x14ac:dyDescent="0.25">
      <c r="A122" s="15" t="s">
        <v>1032</v>
      </c>
      <c r="B122" s="20" t="s">
        <v>1031</v>
      </c>
      <c r="C122" s="16" t="s">
        <v>101</v>
      </c>
      <c r="D122" s="16" t="s">
        <v>712</v>
      </c>
      <c r="E122" s="16"/>
      <c r="F122" s="16" t="s">
        <v>862</v>
      </c>
    </row>
    <row r="123" spans="1:6" ht="24" x14ac:dyDescent="0.25">
      <c r="A123" s="15" t="s">
        <v>1032</v>
      </c>
      <c r="B123" s="20" t="s">
        <v>1031</v>
      </c>
      <c r="C123" s="16" t="s">
        <v>711</v>
      </c>
      <c r="D123" s="16" t="s">
        <v>710</v>
      </c>
      <c r="E123" s="16"/>
      <c r="F123" s="16" t="s">
        <v>862</v>
      </c>
    </row>
    <row r="124" spans="1:6" ht="24" x14ac:dyDescent="0.25">
      <c r="A124" s="15" t="s">
        <v>1032</v>
      </c>
      <c r="B124" s="20" t="s">
        <v>1031</v>
      </c>
      <c r="C124" s="16" t="s">
        <v>709</v>
      </c>
      <c r="D124" s="16" t="s">
        <v>708</v>
      </c>
      <c r="E124" s="16"/>
      <c r="F124" s="16" t="s">
        <v>862</v>
      </c>
    </row>
    <row r="125" spans="1:6" ht="24" x14ac:dyDescent="0.25">
      <c r="A125" s="15" t="s">
        <v>1032</v>
      </c>
      <c r="B125" s="20" t="s">
        <v>1031</v>
      </c>
      <c r="C125" s="16" t="s">
        <v>707</v>
      </c>
      <c r="D125" s="16" t="s">
        <v>706</v>
      </c>
      <c r="E125" s="16"/>
      <c r="F125" s="16" t="s">
        <v>862</v>
      </c>
    </row>
    <row r="126" spans="1:6" ht="24" x14ac:dyDescent="0.25">
      <c r="A126" s="15" t="s">
        <v>1032</v>
      </c>
      <c r="B126" s="20" t="s">
        <v>1031</v>
      </c>
      <c r="C126" s="16" t="s">
        <v>163</v>
      </c>
      <c r="D126" s="16" t="s">
        <v>705</v>
      </c>
      <c r="E126" s="16"/>
      <c r="F126" s="16" t="s">
        <v>862</v>
      </c>
    </row>
    <row r="127" spans="1:6" ht="24" x14ac:dyDescent="0.25">
      <c r="A127" s="15" t="s">
        <v>1032</v>
      </c>
      <c r="B127" s="20" t="s">
        <v>1031</v>
      </c>
      <c r="C127" s="16" t="s">
        <v>704</v>
      </c>
      <c r="D127" s="16" t="s">
        <v>703</v>
      </c>
      <c r="E127" s="16"/>
      <c r="F127" s="16" t="s">
        <v>862</v>
      </c>
    </row>
    <row r="128" spans="1:6" ht="24" x14ac:dyDescent="0.25">
      <c r="A128" s="15" t="s">
        <v>1032</v>
      </c>
      <c r="B128" s="20" t="s">
        <v>1031</v>
      </c>
      <c r="C128" s="16" t="s">
        <v>702</v>
      </c>
      <c r="D128" s="16" t="s">
        <v>701</v>
      </c>
      <c r="E128" s="16"/>
      <c r="F128" s="16" t="s">
        <v>862</v>
      </c>
    </row>
    <row r="129" spans="1:6" ht="24.75" thickBot="1" x14ac:dyDescent="0.3">
      <c r="A129" s="22" t="s">
        <v>1032</v>
      </c>
      <c r="B129" s="23" t="s">
        <v>1031</v>
      </c>
      <c r="C129" s="24" t="s">
        <v>699</v>
      </c>
      <c r="D129" s="24" t="s">
        <v>698</v>
      </c>
      <c r="E129" s="24"/>
      <c r="F129" s="16" t="s">
        <v>862</v>
      </c>
    </row>
    <row r="130" spans="1:6" ht="24.75" thickTop="1" x14ac:dyDescent="0.25">
      <c r="A130" s="25" t="s">
        <v>1030</v>
      </c>
      <c r="B130" s="26" t="s">
        <v>1029</v>
      </c>
      <c r="C130" s="27">
        <v>0</v>
      </c>
      <c r="D130" s="27" t="s">
        <v>146</v>
      </c>
      <c r="E130" s="27" t="s">
        <v>145</v>
      </c>
      <c r="F130" s="16" t="s">
        <v>862</v>
      </c>
    </row>
    <row r="131" spans="1:6" ht="24" x14ac:dyDescent="0.25">
      <c r="A131" s="15" t="s">
        <v>1030</v>
      </c>
      <c r="B131" s="20" t="s">
        <v>1029</v>
      </c>
      <c r="C131" s="16">
        <v>1</v>
      </c>
      <c r="D131" s="16" t="s">
        <v>144</v>
      </c>
      <c r="E131" s="16" t="s">
        <v>143</v>
      </c>
      <c r="F131" s="16" t="s">
        <v>862</v>
      </c>
    </row>
    <row r="132" spans="1:6" ht="24" x14ac:dyDescent="0.25">
      <c r="A132" s="15" t="s">
        <v>1030</v>
      </c>
      <c r="B132" s="20" t="s">
        <v>1029</v>
      </c>
      <c r="C132" s="16">
        <v>2</v>
      </c>
      <c r="D132" s="16" t="s">
        <v>142</v>
      </c>
      <c r="E132" s="16" t="s">
        <v>141</v>
      </c>
      <c r="F132" s="16" t="s">
        <v>862</v>
      </c>
    </row>
    <row r="133" spans="1:6" ht="24" x14ac:dyDescent="0.25">
      <c r="A133" s="15" t="s">
        <v>1030</v>
      </c>
      <c r="B133" s="20" t="s">
        <v>1029</v>
      </c>
      <c r="C133" s="16">
        <v>3</v>
      </c>
      <c r="D133" s="16" t="s">
        <v>140</v>
      </c>
      <c r="E133" s="16" t="s">
        <v>139</v>
      </c>
      <c r="F133" s="16" t="s">
        <v>862</v>
      </c>
    </row>
    <row r="134" spans="1:6" ht="24" x14ac:dyDescent="0.25">
      <c r="A134" s="15" t="s">
        <v>1030</v>
      </c>
      <c r="B134" s="20" t="s">
        <v>1029</v>
      </c>
      <c r="C134" s="16">
        <v>4</v>
      </c>
      <c r="D134" s="16" t="s">
        <v>138</v>
      </c>
      <c r="E134" s="16" t="s">
        <v>137</v>
      </c>
      <c r="F134" s="16" t="s">
        <v>862</v>
      </c>
    </row>
    <row r="135" spans="1:6" ht="24" x14ac:dyDescent="0.25">
      <c r="A135" s="15" t="s">
        <v>1030</v>
      </c>
      <c r="B135" s="20" t="s">
        <v>1029</v>
      </c>
      <c r="C135" s="16">
        <v>5</v>
      </c>
      <c r="D135" s="16" t="s">
        <v>136</v>
      </c>
      <c r="E135" s="16" t="s">
        <v>135</v>
      </c>
      <c r="F135" s="16" t="s">
        <v>862</v>
      </c>
    </row>
    <row r="136" spans="1:6" ht="24.75" thickBot="1" x14ac:dyDescent="0.3">
      <c r="A136" s="22" t="s">
        <v>1030</v>
      </c>
      <c r="B136" s="23" t="s">
        <v>1029</v>
      </c>
      <c r="C136" s="24">
        <v>6</v>
      </c>
      <c r="D136" s="24" t="s">
        <v>132</v>
      </c>
      <c r="E136" s="24" t="s">
        <v>131</v>
      </c>
      <c r="F136" s="16" t="s">
        <v>862</v>
      </c>
    </row>
    <row r="137" spans="1:6" ht="84.75" thickTop="1" x14ac:dyDescent="0.25">
      <c r="A137" s="25" t="s">
        <v>1028</v>
      </c>
      <c r="B137" s="26" t="s">
        <v>1027</v>
      </c>
      <c r="C137" s="27" t="s">
        <v>120</v>
      </c>
      <c r="D137" s="27" t="s">
        <v>119</v>
      </c>
      <c r="E137" s="27"/>
      <c r="F137" s="16" t="s">
        <v>862</v>
      </c>
    </row>
    <row r="138" spans="1:6" ht="84" x14ac:dyDescent="0.25">
      <c r="A138" s="15" t="s">
        <v>1028</v>
      </c>
      <c r="B138" s="20" t="s">
        <v>1027</v>
      </c>
      <c r="C138" s="16" t="s">
        <v>118</v>
      </c>
      <c r="D138" s="16" t="s">
        <v>117</v>
      </c>
      <c r="E138" s="16" t="s">
        <v>116</v>
      </c>
      <c r="F138" s="16" t="s">
        <v>862</v>
      </c>
    </row>
    <row r="139" spans="1:6" ht="84" x14ac:dyDescent="0.25">
      <c r="A139" s="15" t="s">
        <v>1028</v>
      </c>
      <c r="B139" s="20" t="s">
        <v>1027</v>
      </c>
      <c r="C139" s="16" t="s">
        <v>115</v>
      </c>
      <c r="D139" s="16" t="s">
        <v>114</v>
      </c>
      <c r="E139" s="16" t="s">
        <v>113</v>
      </c>
      <c r="F139" s="16" t="s">
        <v>862</v>
      </c>
    </row>
    <row r="140" spans="1:6" ht="84" x14ac:dyDescent="0.25">
      <c r="A140" s="15" t="s">
        <v>1028</v>
      </c>
      <c r="B140" s="20" t="s">
        <v>1027</v>
      </c>
      <c r="C140" s="16" t="s">
        <v>112</v>
      </c>
      <c r="D140" s="16" t="s">
        <v>111</v>
      </c>
      <c r="E140" s="16" t="s">
        <v>110</v>
      </c>
      <c r="F140" s="16" t="s">
        <v>862</v>
      </c>
    </row>
    <row r="141" spans="1:6" ht="84" x14ac:dyDescent="0.25">
      <c r="A141" s="15" t="s">
        <v>1028</v>
      </c>
      <c r="B141" s="20" t="s">
        <v>1027</v>
      </c>
      <c r="C141" s="16" t="s">
        <v>109</v>
      </c>
      <c r="D141" s="16" t="s">
        <v>108</v>
      </c>
      <c r="E141" s="16" t="s">
        <v>107</v>
      </c>
      <c r="F141" s="16" t="s">
        <v>862</v>
      </c>
    </row>
    <row r="142" spans="1:6" ht="84" x14ac:dyDescent="0.25">
      <c r="A142" s="15" t="s">
        <v>1028</v>
      </c>
      <c r="B142" s="20" t="s">
        <v>1027</v>
      </c>
      <c r="C142" s="16" t="s">
        <v>106</v>
      </c>
      <c r="D142" s="16" t="s">
        <v>105</v>
      </c>
      <c r="E142" s="16" t="s">
        <v>104</v>
      </c>
      <c r="F142" s="16" t="s">
        <v>862</v>
      </c>
    </row>
    <row r="143" spans="1:6" ht="84.75" thickBot="1" x14ac:dyDescent="0.3">
      <c r="A143" s="22" t="s">
        <v>1028</v>
      </c>
      <c r="B143" s="23" t="s">
        <v>1027</v>
      </c>
      <c r="C143" s="24" t="s">
        <v>101</v>
      </c>
      <c r="D143" s="24" t="s">
        <v>100</v>
      </c>
      <c r="E143" s="24"/>
      <c r="F143" s="16" t="s">
        <v>862</v>
      </c>
    </row>
    <row r="144" spans="1:6" ht="25.5" thickTop="1" thickBot="1" x14ac:dyDescent="0.3">
      <c r="A144" s="28" t="s">
        <v>1026</v>
      </c>
      <c r="B144" s="29" t="s">
        <v>1025</v>
      </c>
      <c r="C144" s="30"/>
      <c r="D144" s="30"/>
      <c r="E144" s="30"/>
      <c r="F144" s="16" t="s">
        <v>862</v>
      </c>
    </row>
    <row r="145" spans="1:6" ht="25.5" thickTop="1" thickBot="1" x14ac:dyDescent="0.3">
      <c r="A145" s="28" t="s">
        <v>1024</v>
      </c>
      <c r="B145" s="29" t="s">
        <v>1023</v>
      </c>
      <c r="C145" s="30"/>
      <c r="D145" s="30"/>
      <c r="E145" s="30"/>
      <c r="F145" s="16" t="s">
        <v>862</v>
      </c>
    </row>
    <row r="146" spans="1:6" ht="24.75" thickTop="1" x14ac:dyDescent="0.25">
      <c r="A146" s="25" t="s">
        <v>1022</v>
      </c>
      <c r="B146" s="26" t="s">
        <v>1021</v>
      </c>
      <c r="C146" s="27" t="s">
        <v>120</v>
      </c>
      <c r="D146" s="27" t="s">
        <v>119</v>
      </c>
      <c r="E146" s="27"/>
      <c r="F146" s="16" t="s">
        <v>862</v>
      </c>
    </row>
    <row r="147" spans="1:6" ht="24" x14ac:dyDescent="0.25">
      <c r="A147" s="15" t="s">
        <v>1022</v>
      </c>
      <c r="B147" s="20" t="s">
        <v>1021</v>
      </c>
      <c r="C147" s="16" t="s">
        <v>118</v>
      </c>
      <c r="D147" s="16" t="s">
        <v>117</v>
      </c>
      <c r="E147" s="16" t="s">
        <v>116</v>
      </c>
      <c r="F147" s="16" t="s">
        <v>862</v>
      </c>
    </row>
    <row r="148" spans="1:6" ht="24" x14ac:dyDescent="0.25">
      <c r="A148" s="15" t="s">
        <v>1022</v>
      </c>
      <c r="B148" s="20" t="s">
        <v>1021</v>
      </c>
      <c r="C148" s="16" t="s">
        <v>115</v>
      </c>
      <c r="D148" s="16" t="s">
        <v>114</v>
      </c>
      <c r="E148" s="16" t="s">
        <v>113</v>
      </c>
      <c r="F148" s="16" t="s">
        <v>862</v>
      </c>
    </row>
    <row r="149" spans="1:6" ht="24" x14ac:dyDescent="0.25">
      <c r="A149" s="15" t="s">
        <v>1022</v>
      </c>
      <c r="B149" s="20" t="s">
        <v>1021</v>
      </c>
      <c r="C149" s="16" t="s">
        <v>112</v>
      </c>
      <c r="D149" s="16" t="s">
        <v>111</v>
      </c>
      <c r="E149" s="16" t="s">
        <v>110</v>
      </c>
      <c r="F149" s="16" t="s">
        <v>862</v>
      </c>
    </row>
    <row r="150" spans="1:6" ht="24" x14ac:dyDescent="0.25">
      <c r="A150" s="15" t="s">
        <v>1022</v>
      </c>
      <c r="B150" s="20" t="s">
        <v>1021</v>
      </c>
      <c r="C150" s="16" t="s">
        <v>109</v>
      </c>
      <c r="D150" s="16" t="s">
        <v>108</v>
      </c>
      <c r="E150" s="16" t="s">
        <v>107</v>
      </c>
      <c r="F150" s="16" t="s">
        <v>862</v>
      </c>
    </row>
    <row r="151" spans="1:6" ht="24" x14ac:dyDescent="0.25">
      <c r="A151" s="15" t="s">
        <v>1022</v>
      </c>
      <c r="B151" s="20" t="s">
        <v>1021</v>
      </c>
      <c r="C151" s="16" t="s">
        <v>106</v>
      </c>
      <c r="D151" s="16" t="s">
        <v>105</v>
      </c>
      <c r="E151" s="16" t="s">
        <v>104</v>
      </c>
      <c r="F151" s="16" t="s">
        <v>862</v>
      </c>
    </row>
    <row r="152" spans="1:6" ht="24.75" thickBot="1" x14ac:dyDescent="0.3">
      <c r="A152" s="22" t="s">
        <v>1022</v>
      </c>
      <c r="B152" s="23" t="s">
        <v>1021</v>
      </c>
      <c r="C152" s="24" t="s">
        <v>101</v>
      </c>
      <c r="D152" s="24" t="s">
        <v>100</v>
      </c>
      <c r="E152" s="24"/>
      <c r="F152" s="16" t="s">
        <v>862</v>
      </c>
    </row>
    <row r="153" spans="1:6" ht="12.75" thickTop="1" x14ac:dyDescent="0.25">
      <c r="A153" s="25" t="s">
        <v>1000</v>
      </c>
      <c r="B153" s="26" t="s">
        <v>999</v>
      </c>
      <c r="C153" s="27" t="s">
        <v>216</v>
      </c>
      <c r="D153" s="27" t="s">
        <v>1020</v>
      </c>
      <c r="E153" s="27" t="s">
        <v>1019</v>
      </c>
      <c r="F153" s="16" t="s">
        <v>862</v>
      </c>
    </row>
    <row r="154" spans="1:6" x14ac:dyDescent="0.25">
      <c r="A154" s="15" t="s">
        <v>1000</v>
      </c>
      <c r="B154" s="20" t="s">
        <v>999</v>
      </c>
      <c r="C154" s="16" t="s">
        <v>1018</v>
      </c>
      <c r="D154" s="16" t="s">
        <v>1017</v>
      </c>
      <c r="E154" s="16" t="s">
        <v>1016</v>
      </c>
      <c r="F154" s="16" t="s">
        <v>862</v>
      </c>
    </row>
    <row r="155" spans="1:6" x14ac:dyDescent="0.25">
      <c r="A155" s="15" t="s">
        <v>1000</v>
      </c>
      <c r="B155" s="20" t="s">
        <v>999</v>
      </c>
      <c r="C155" s="16" t="s">
        <v>1015</v>
      </c>
      <c r="D155" s="16" t="s">
        <v>1014</v>
      </c>
      <c r="E155" s="16" t="s">
        <v>1013</v>
      </c>
      <c r="F155" s="16" t="s">
        <v>862</v>
      </c>
    </row>
    <row r="156" spans="1:6" x14ac:dyDescent="0.25">
      <c r="A156" s="15" t="s">
        <v>1000</v>
      </c>
      <c r="B156" s="20" t="s">
        <v>999</v>
      </c>
      <c r="C156" s="16" t="s">
        <v>1012</v>
      </c>
      <c r="D156" s="16" t="s">
        <v>1011</v>
      </c>
      <c r="E156" s="16" t="s">
        <v>1010</v>
      </c>
      <c r="F156" s="16" t="s">
        <v>862</v>
      </c>
    </row>
    <row r="157" spans="1:6" x14ac:dyDescent="0.25">
      <c r="A157" s="15" t="s">
        <v>1000</v>
      </c>
      <c r="B157" s="20" t="s">
        <v>999</v>
      </c>
      <c r="C157" s="16" t="s">
        <v>1009</v>
      </c>
      <c r="D157" s="16" t="s">
        <v>1008</v>
      </c>
      <c r="E157" s="16" t="s">
        <v>1007</v>
      </c>
      <c r="F157" s="16" t="s">
        <v>862</v>
      </c>
    </row>
    <row r="158" spans="1:6" x14ac:dyDescent="0.25">
      <c r="A158" s="15" t="s">
        <v>1000</v>
      </c>
      <c r="B158" s="20" t="s">
        <v>999</v>
      </c>
      <c r="C158" s="16" t="s">
        <v>1006</v>
      </c>
      <c r="D158" s="16" t="s">
        <v>1005</v>
      </c>
      <c r="E158" s="16" t="s">
        <v>1004</v>
      </c>
      <c r="F158" s="16" t="s">
        <v>862</v>
      </c>
    </row>
    <row r="159" spans="1:6" x14ac:dyDescent="0.25">
      <c r="A159" s="15" t="s">
        <v>1000</v>
      </c>
      <c r="B159" s="20" t="s">
        <v>999</v>
      </c>
      <c r="C159" s="16" t="s">
        <v>1003</v>
      </c>
      <c r="D159" s="16" t="s">
        <v>1002</v>
      </c>
      <c r="E159" s="16" t="s">
        <v>1001</v>
      </c>
      <c r="F159" s="16" t="s">
        <v>862</v>
      </c>
    </row>
    <row r="160" spans="1:6" ht="12.75" thickBot="1" x14ac:dyDescent="0.3">
      <c r="A160" s="22" t="s">
        <v>1000</v>
      </c>
      <c r="B160" s="23" t="s">
        <v>999</v>
      </c>
      <c r="C160" s="24" t="s">
        <v>998</v>
      </c>
      <c r="D160" s="24" t="s">
        <v>997</v>
      </c>
      <c r="E160" s="24" t="s">
        <v>996</v>
      </c>
      <c r="F160" s="16" t="s">
        <v>862</v>
      </c>
    </row>
    <row r="161" spans="1:6" ht="84.75" thickTop="1" x14ac:dyDescent="0.25">
      <c r="A161" s="25" t="s">
        <v>995</v>
      </c>
      <c r="B161" s="26" t="s">
        <v>994</v>
      </c>
      <c r="C161" s="27">
        <v>1</v>
      </c>
      <c r="D161" s="27" t="s">
        <v>130</v>
      </c>
      <c r="E161" s="27" t="s">
        <v>129</v>
      </c>
      <c r="F161" s="16" t="s">
        <v>862</v>
      </c>
    </row>
    <row r="162" spans="1:6" ht="84" x14ac:dyDescent="0.25">
      <c r="A162" s="15" t="s">
        <v>995</v>
      </c>
      <c r="B162" s="20" t="s">
        <v>994</v>
      </c>
      <c r="C162" s="16">
        <v>2</v>
      </c>
      <c r="D162" s="16" t="s">
        <v>128</v>
      </c>
      <c r="E162" s="16" t="s">
        <v>127</v>
      </c>
      <c r="F162" s="16" t="s">
        <v>862</v>
      </c>
    </row>
    <row r="163" spans="1:6" ht="84" x14ac:dyDescent="0.25">
      <c r="A163" s="15" t="s">
        <v>995</v>
      </c>
      <c r="B163" s="20" t="s">
        <v>994</v>
      </c>
      <c r="C163" s="16">
        <v>3</v>
      </c>
      <c r="D163" s="16" t="s">
        <v>126</v>
      </c>
      <c r="E163" s="16" t="s">
        <v>125</v>
      </c>
      <c r="F163" s="16" t="s">
        <v>862</v>
      </c>
    </row>
    <row r="164" spans="1:6" ht="84.75" thickBot="1" x14ac:dyDescent="0.3">
      <c r="A164" s="22" t="s">
        <v>995</v>
      </c>
      <c r="B164" s="23" t="s">
        <v>994</v>
      </c>
      <c r="C164" s="24">
        <v>4</v>
      </c>
      <c r="D164" s="24" t="s">
        <v>122</v>
      </c>
      <c r="E164" s="24" t="s">
        <v>121</v>
      </c>
      <c r="F164" s="16" t="s">
        <v>862</v>
      </c>
    </row>
    <row r="165" spans="1:6" ht="24.75" thickTop="1" x14ac:dyDescent="0.25">
      <c r="A165" s="25" t="s">
        <v>985</v>
      </c>
      <c r="B165" s="26" t="s">
        <v>984</v>
      </c>
      <c r="C165" s="27" t="s">
        <v>993</v>
      </c>
      <c r="D165" s="27" t="s">
        <v>992</v>
      </c>
      <c r="E165" s="27"/>
      <c r="F165" s="16" t="s">
        <v>862</v>
      </c>
    </row>
    <row r="166" spans="1:6" ht="24" x14ac:dyDescent="0.25">
      <c r="A166" s="15" t="s">
        <v>985</v>
      </c>
      <c r="B166" s="20" t="s">
        <v>984</v>
      </c>
      <c r="C166" s="16" t="s">
        <v>181</v>
      </c>
      <c r="D166" s="16" t="s">
        <v>913</v>
      </c>
      <c r="E166" s="16"/>
      <c r="F166" s="16" t="s">
        <v>862</v>
      </c>
    </row>
    <row r="167" spans="1:6" ht="24" x14ac:dyDescent="0.25">
      <c r="A167" s="15" t="s">
        <v>985</v>
      </c>
      <c r="B167" s="20" t="s">
        <v>984</v>
      </c>
      <c r="C167" s="16" t="s">
        <v>991</v>
      </c>
      <c r="D167" s="16" t="s">
        <v>990</v>
      </c>
      <c r="E167" s="16"/>
      <c r="F167" s="16" t="s">
        <v>862</v>
      </c>
    </row>
    <row r="168" spans="1:6" ht="24" x14ac:dyDescent="0.25">
      <c r="A168" s="15" t="s">
        <v>985</v>
      </c>
      <c r="B168" s="20" t="s">
        <v>984</v>
      </c>
      <c r="C168" s="16" t="s">
        <v>989</v>
      </c>
      <c r="D168" s="16" t="s">
        <v>988</v>
      </c>
      <c r="E168" s="16"/>
      <c r="F168" s="16" t="s">
        <v>862</v>
      </c>
    </row>
    <row r="169" spans="1:6" ht="24" x14ac:dyDescent="0.25">
      <c r="A169" s="15" t="s">
        <v>985</v>
      </c>
      <c r="B169" s="20" t="s">
        <v>984</v>
      </c>
      <c r="C169" s="16" t="s">
        <v>987</v>
      </c>
      <c r="D169" s="16" t="s">
        <v>986</v>
      </c>
      <c r="E169" s="16"/>
      <c r="F169" s="16" t="s">
        <v>862</v>
      </c>
    </row>
    <row r="170" spans="1:6" ht="24.75" thickBot="1" x14ac:dyDescent="0.3">
      <c r="A170" s="22" t="s">
        <v>985</v>
      </c>
      <c r="B170" s="23" t="s">
        <v>984</v>
      </c>
      <c r="C170" s="24" t="s">
        <v>983</v>
      </c>
      <c r="D170" s="24" t="s">
        <v>982</v>
      </c>
      <c r="E170" s="24"/>
      <c r="F170" s="16" t="s">
        <v>862</v>
      </c>
    </row>
    <row r="171" spans="1:6" ht="24.75" thickTop="1" x14ac:dyDescent="0.25">
      <c r="A171" s="25" t="s">
        <v>981</v>
      </c>
      <c r="B171" s="26" t="s">
        <v>980</v>
      </c>
      <c r="C171" s="27">
        <v>1</v>
      </c>
      <c r="D171" s="27" t="s">
        <v>130</v>
      </c>
      <c r="E171" s="27" t="s">
        <v>129</v>
      </c>
      <c r="F171" s="16" t="s">
        <v>862</v>
      </c>
    </row>
    <row r="172" spans="1:6" ht="24" x14ac:dyDescent="0.25">
      <c r="A172" s="15" t="s">
        <v>981</v>
      </c>
      <c r="B172" s="20" t="s">
        <v>980</v>
      </c>
      <c r="C172" s="16">
        <v>2</v>
      </c>
      <c r="D172" s="16" t="s">
        <v>128</v>
      </c>
      <c r="E172" s="16" t="s">
        <v>127</v>
      </c>
      <c r="F172" s="16" t="s">
        <v>862</v>
      </c>
    </row>
    <row r="173" spans="1:6" ht="24" x14ac:dyDescent="0.25">
      <c r="A173" s="15" t="s">
        <v>981</v>
      </c>
      <c r="B173" s="20" t="s">
        <v>980</v>
      </c>
      <c r="C173" s="16">
        <v>3</v>
      </c>
      <c r="D173" s="16" t="s">
        <v>126</v>
      </c>
      <c r="E173" s="16" t="s">
        <v>125</v>
      </c>
      <c r="F173" s="16" t="s">
        <v>862</v>
      </c>
    </row>
    <row r="174" spans="1:6" ht="24.75" thickBot="1" x14ac:dyDescent="0.3">
      <c r="A174" s="22" t="s">
        <v>981</v>
      </c>
      <c r="B174" s="23" t="s">
        <v>980</v>
      </c>
      <c r="C174" s="24">
        <v>4</v>
      </c>
      <c r="D174" s="24" t="s">
        <v>122</v>
      </c>
      <c r="E174" s="24" t="s">
        <v>121</v>
      </c>
      <c r="F174" s="16" t="s">
        <v>862</v>
      </c>
    </row>
    <row r="175" spans="1:6" ht="24.75" thickTop="1" x14ac:dyDescent="0.25">
      <c r="A175" s="25" t="s">
        <v>972</v>
      </c>
      <c r="B175" s="26" t="s">
        <v>971</v>
      </c>
      <c r="C175" s="27">
        <v>1</v>
      </c>
      <c r="D175" s="27" t="s">
        <v>979</v>
      </c>
      <c r="E175" s="27"/>
      <c r="F175" s="16" t="s">
        <v>862</v>
      </c>
    </row>
    <row r="176" spans="1:6" ht="24" x14ac:dyDescent="0.25">
      <c r="A176" s="15" t="s">
        <v>972</v>
      </c>
      <c r="B176" s="20" t="s">
        <v>971</v>
      </c>
      <c r="C176" s="16">
        <v>2</v>
      </c>
      <c r="D176" s="16" t="s">
        <v>978</v>
      </c>
      <c r="E176" s="16"/>
      <c r="F176" s="16" t="s">
        <v>862</v>
      </c>
    </row>
    <row r="177" spans="1:6" ht="24" x14ac:dyDescent="0.25">
      <c r="A177" s="15" t="s">
        <v>972</v>
      </c>
      <c r="B177" s="20" t="s">
        <v>971</v>
      </c>
      <c r="C177" s="16">
        <v>3</v>
      </c>
      <c r="D177" s="16" t="s">
        <v>977</v>
      </c>
      <c r="E177" s="16"/>
      <c r="F177" s="16" t="s">
        <v>862</v>
      </c>
    </row>
    <row r="178" spans="1:6" ht="24" x14ac:dyDescent="0.25">
      <c r="A178" s="15" t="s">
        <v>972</v>
      </c>
      <c r="B178" s="20" t="s">
        <v>971</v>
      </c>
      <c r="C178" s="16">
        <v>4</v>
      </c>
      <c r="D178" s="16" t="s">
        <v>976</v>
      </c>
      <c r="E178" s="16"/>
      <c r="F178" s="16" t="s">
        <v>862</v>
      </c>
    </row>
    <row r="179" spans="1:6" ht="24" x14ac:dyDescent="0.25">
      <c r="A179" s="15" t="s">
        <v>972</v>
      </c>
      <c r="B179" s="20" t="s">
        <v>971</v>
      </c>
      <c r="C179" s="16">
        <v>5</v>
      </c>
      <c r="D179" s="16" t="s">
        <v>975</v>
      </c>
      <c r="E179" s="16"/>
      <c r="F179" s="16" t="s">
        <v>862</v>
      </c>
    </row>
    <row r="180" spans="1:6" ht="24" x14ac:dyDescent="0.25">
      <c r="A180" s="15" t="s">
        <v>972</v>
      </c>
      <c r="B180" s="20" t="s">
        <v>971</v>
      </c>
      <c r="C180" s="16">
        <v>6</v>
      </c>
      <c r="D180" s="16" t="s">
        <v>974</v>
      </c>
      <c r="E180" s="16"/>
      <c r="F180" s="16" t="s">
        <v>862</v>
      </c>
    </row>
    <row r="181" spans="1:6" ht="24" x14ac:dyDescent="0.25">
      <c r="A181" s="15" t="s">
        <v>972</v>
      </c>
      <c r="B181" s="20" t="s">
        <v>971</v>
      </c>
      <c r="C181" s="16">
        <v>7</v>
      </c>
      <c r="D181" s="16" t="s">
        <v>973</v>
      </c>
      <c r="E181" s="16"/>
      <c r="F181" s="16" t="s">
        <v>862</v>
      </c>
    </row>
    <row r="182" spans="1:6" ht="24.75" thickBot="1" x14ac:dyDescent="0.3">
      <c r="A182" s="22" t="s">
        <v>972</v>
      </c>
      <c r="B182" s="23" t="s">
        <v>971</v>
      </c>
      <c r="C182" s="24">
        <v>8</v>
      </c>
      <c r="D182" s="24" t="s">
        <v>970</v>
      </c>
      <c r="E182" s="24"/>
      <c r="F182" s="16" t="s">
        <v>862</v>
      </c>
    </row>
    <row r="183" spans="1:6" ht="24.75" thickTop="1" x14ac:dyDescent="0.25">
      <c r="A183" s="25" t="s">
        <v>960</v>
      </c>
      <c r="B183" s="26" t="s">
        <v>959</v>
      </c>
      <c r="C183" s="27">
        <v>1</v>
      </c>
      <c r="D183" s="31">
        <v>0</v>
      </c>
      <c r="E183" s="27" t="s">
        <v>969</v>
      </c>
      <c r="F183" s="16" t="s">
        <v>862</v>
      </c>
    </row>
    <row r="184" spans="1:6" ht="24" x14ac:dyDescent="0.25">
      <c r="A184" s="15" t="s">
        <v>960</v>
      </c>
      <c r="B184" s="20" t="s">
        <v>959</v>
      </c>
      <c r="C184" s="16">
        <v>2</v>
      </c>
      <c r="D184" s="16" t="s">
        <v>968</v>
      </c>
      <c r="E184" s="16" t="s">
        <v>967</v>
      </c>
      <c r="F184" s="16" t="s">
        <v>862</v>
      </c>
    </row>
    <row r="185" spans="1:6" ht="24" x14ac:dyDescent="0.25">
      <c r="A185" s="15" t="s">
        <v>960</v>
      </c>
      <c r="B185" s="20" t="s">
        <v>959</v>
      </c>
      <c r="C185" s="16">
        <v>3</v>
      </c>
      <c r="D185" s="16" t="s">
        <v>966</v>
      </c>
      <c r="E185" s="16" t="s">
        <v>965</v>
      </c>
      <c r="F185" s="16" t="s">
        <v>862</v>
      </c>
    </row>
    <row r="186" spans="1:6" ht="24" x14ac:dyDescent="0.25">
      <c r="A186" s="15" t="s">
        <v>960</v>
      </c>
      <c r="B186" s="20" t="s">
        <v>959</v>
      </c>
      <c r="C186" s="16">
        <v>4</v>
      </c>
      <c r="D186" s="16" t="s">
        <v>964</v>
      </c>
      <c r="E186" s="16" t="s">
        <v>963</v>
      </c>
      <c r="F186" s="16" t="s">
        <v>862</v>
      </c>
    </row>
    <row r="187" spans="1:6" ht="24" x14ac:dyDescent="0.25">
      <c r="A187" s="15" t="s">
        <v>960</v>
      </c>
      <c r="B187" s="20" t="s">
        <v>959</v>
      </c>
      <c r="C187" s="16">
        <v>5</v>
      </c>
      <c r="D187" s="16" t="s">
        <v>962</v>
      </c>
      <c r="E187" s="16" t="s">
        <v>961</v>
      </c>
      <c r="F187" s="16" t="s">
        <v>862</v>
      </c>
    </row>
    <row r="188" spans="1:6" ht="24.75" thickBot="1" x14ac:dyDescent="0.3">
      <c r="A188" s="22" t="s">
        <v>960</v>
      </c>
      <c r="B188" s="23" t="s">
        <v>959</v>
      </c>
      <c r="C188" s="24">
        <v>6</v>
      </c>
      <c r="D188" s="24" t="s">
        <v>958</v>
      </c>
      <c r="E188" s="24" t="s">
        <v>957</v>
      </c>
      <c r="F188" s="16" t="s">
        <v>862</v>
      </c>
    </row>
    <row r="189" spans="1:6" ht="24.75" thickTop="1" x14ac:dyDescent="0.25">
      <c r="A189" s="25" t="s">
        <v>948</v>
      </c>
      <c r="B189" s="26" t="s">
        <v>947</v>
      </c>
      <c r="C189" s="27">
        <v>1</v>
      </c>
      <c r="D189" s="27" t="s">
        <v>956</v>
      </c>
      <c r="E189" s="27" t="s">
        <v>955</v>
      </c>
      <c r="F189" s="16" t="s">
        <v>862</v>
      </c>
    </row>
    <row r="190" spans="1:6" ht="24" x14ac:dyDescent="0.25">
      <c r="A190" s="15" t="s">
        <v>948</v>
      </c>
      <c r="B190" s="20" t="s">
        <v>947</v>
      </c>
      <c r="C190" s="16">
        <v>2</v>
      </c>
      <c r="D190" s="16" t="s">
        <v>954</v>
      </c>
      <c r="E190" s="16" t="s">
        <v>953</v>
      </c>
      <c r="F190" s="16" t="s">
        <v>862</v>
      </c>
    </row>
    <row r="191" spans="1:6" ht="24" x14ac:dyDescent="0.25">
      <c r="A191" s="15" t="s">
        <v>948</v>
      </c>
      <c r="B191" s="20" t="s">
        <v>947</v>
      </c>
      <c r="C191" s="16">
        <v>3</v>
      </c>
      <c r="D191" s="16" t="s">
        <v>952</v>
      </c>
      <c r="E191" s="16" t="s">
        <v>951</v>
      </c>
      <c r="F191" s="16" t="s">
        <v>862</v>
      </c>
    </row>
    <row r="192" spans="1:6" ht="24" x14ac:dyDescent="0.25">
      <c r="A192" s="15" t="s">
        <v>948</v>
      </c>
      <c r="B192" s="20" t="s">
        <v>947</v>
      </c>
      <c r="C192" s="16">
        <v>4</v>
      </c>
      <c r="D192" s="16" t="s">
        <v>950</v>
      </c>
      <c r="E192" s="16" t="s">
        <v>949</v>
      </c>
      <c r="F192" s="16" t="s">
        <v>862</v>
      </c>
    </row>
    <row r="193" spans="1:6" ht="24.75" thickBot="1" x14ac:dyDescent="0.3">
      <c r="A193" s="22" t="s">
        <v>948</v>
      </c>
      <c r="B193" s="23" t="s">
        <v>947</v>
      </c>
      <c r="C193" s="24">
        <v>5</v>
      </c>
      <c r="D193" s="24" t="s">
        <v>946</v>
      </c>
      <c r="E193" s="24" t="s">
        <v>945</v>
      </c>
      <c r="F193" s="16" t="s">
        <v>862</v>
      </c>
    </row>
    <row r="194" spans="1:6" ht="25.5" thickTop="1" thickBot="1" x14ac:dyDescent="0.3">
      <c r="A194" s="28" t="s">
        <v>944</v>
      </c>
      <c r="B194" s="29" t="s">
        <v>943</v>
      </c>
      <c r="C194" s="30"/>
      <c r="D194" s="30"/>
      <c r="E194" s="30"/>
      <c r="F194" s="16" t="s">
        <v>862</v>
      </c>
    </row>
    <row r="195" spans="1:6" ht="24.75" thickTop="1" x14ac:dyDescent="0.25">
      <c r="A195" s="25" t="s">
        <v>925</v>
      </c>
      <c r="B195" s="26" t="s">
        <v>924</v>
      </c>
      <c r="C195" s="27">
        <v>0</v>
      </c>
      <c r="D195" s="27" t="s">
        <v>146</v>
      </c>
      <c r="E195" s="27" t="s">
        <v>942</v>
      </c>
      <c r="F195" s="16" t="s">
        <v>862</v>
      </c>
    </row>
    <row r="196" spans="1:6" ht="24" x14ac:dyDescent="0.25">
      <c r="A196" s="15" t="s">
        <v>925</v>
      </c>
      <c r="B196" s="20" t="s">
        <v>924</v>
      </c>
      <c r="C196" s="16">
        <v>1</v>
      </c>
      <c r="D196" s="16" t="s">
        <v>144</v>
      </c>
      <c r="E196" s="16" t="s">
        <v>941</v>
      </c>
      <c r="F196" s="16" t="s">
        <v>862</v>
      </c>
    </row>
    <row r="197" spans="1:6" ht="36" x14ac:dyDescent="0.25">
      <c r="A197" s="15" t="s">
        <v>925</v>
      </c>
      <c r="B197" s="20" t="s">
        <v>924</v>
      </c>
      <c r="C197" s="16">
        <v>2</v>
      </c>
      <c r="D197" s="16" t="s">
        <v>142</v>
      </c>
      <c r="E197" s="16" t="s">
        <v>940</v>
      </c>
      <c r="F197" s="16" t="s">
        <v>862</v>
      </c>
    </row>
    <row r="198" spans="1:6" ht="36" x14ac:dyDescent="0.25">
      <c r="A198" s="15" t="s">
        <v>925</v>
      </c>
      <c r="B198" s="20" t="s">
        <v>924</v>
      </c>
      <c r="C198" s="16">
        <v>3</v>
      </c>
      <c r="D198" s="16" t="s">
        <v>140</v>
      </c>
      <c r="E198" s="16" t="s">
        <v>939</v>
      </c>
      <c r="F198" s="16" t="s">
        <v>862</v>
      </c>
    </row>
    <row r="199" spans="1:6" ht="36" x14ac:dyDescent="0.25">
      <c r="A199" s="15" t="s">
        <v>925</v>
      </c>
      <c r="B199" s="20" t="s">
        <v>924</v>
      </c>
      <c r="C199" s="16">
        <v>4</v>
      </c>
      <c r="D199" s="16" t="s">
        <v>138</v>
      </c>
      <c r="E199" s="16" t="s">
        <v>938</v>
      </c>
      <c r="F199" s="16" t="s">
        <v>862</v>
      </c>
    </row>
    <row r="200" spans="1:6" ht="36" x14ac:dyDescent="0.25">
      <c r="A200" s="15" t="s">
        <v>925</v>
      </c>
      <c r="B200" s="20" t="s">
        <v>924</v>
      </c>
      <c r="C200" s="16">
        <v>5</v>
      </c>
      <c r="D200" s="16" t="s">
        <v>136</v>
      </c>
      <c r="E200" s="16" t="s">
        <v>937</v>
      </c>
      <c r="F200" s="16" t="s">
        <v>862</v>
      </c>
    </row>
    <row r="201" spans="1:6" ht="36" x14ac:dyDescent="0.25">
      <c r="A201" s="15" t="s">
        <v>925</v>
      </c>
      <c r="B201" s="20" t="s">
        <v>924</v>
      </c>
      <c r="C201" s="16">
        <v>6</v>
      </c>
      <c r="D201" s="16" t="s">
        <v>132</v>
      </c>
      <c r="E201" s="16" t="s">
        <v>936</v>
      </c>
      <c r="F201" s="16" t="s">
        <v>862</v>
      </c>
    </row>
    <row r="202" spans="1:6" ht="24" x14ac:dyDescent="0.25">
      <c r="A202" s="15" t="s">
        <v>925</v>
      </c>
      <c r="B202" s="20" t="s">
        <v>924</v>
      </c>
      <c r="C202" s="16">
        <v>7</v>
      </c>
      <c r="D202" s="16" t="s">
        <v>935</v>
      </c>
      <c r="E202" s="16" t="s">
        <v>934</v>
      </c>
      <c r="F202" s="16" t="s">
        <v>862</v>
      </c>
    </row>
    <row r="203" spans="1:6" ht="24" x14ac:dyDescent="0.25">
      <c r="A203" s="15" t="s">
        <v>925</v>
      </c>
      <c r="B203" s="20" t="s">
        <v>924</v>
      </c>
      <c r="C203" s="16">
        <v>8</v>
      </c>
      <c r="D203" s="16" t="s">
        <v>933</v>
      </c>
      <c r="E203" s="16" t="s">
        <v>932</v>
      </c>
      <c r="F203" s="16" t="s">
        <v>862</v>
      </c>
    </row>
    <row r="204" spans="1:6" ht="24" x14ac:dyDescent="0.25">
      <c r="A204" s="15" t="s">
        <v>925</v>
      </c>
      <c r="B204" s="20" t="s">
        <v>924</v>
      </c>
      <c r="C204" s="16">
        <v>9</v>
      </c>
      <c r="D204" s="16" t="s">
        <v>931</v>
      </c>
      <c r="E204" s="16" t="s">
        <v>930</v>
      </c>
      <c r="F204" s="16" t="s">
        <v>862</v>
      </c>
    </row>
    <row r="205" spans="1:6" ht="24" x14ac:dyDescent="0.25">
      <c r="A205" s="15" t="s">
        <v>925</v>
      </c>
      <c r="B205" s="20" t="s">
        <v>924</v>
      </c>
      <c r="C205" s="16">
        <v>10</v>
      </c>
      <c r="D205" s="16" t="s">
        <v>929</v>
      </c>
      <c r="E205" s="16" t="s">
        <v>928</v>
      </c>
      <c r="F205" s="16" t="s">
        <v>862</v>
      </c>
    </row>
    <row r="206" spans="1:6" ht="24" x14ac:dyDescent="0.25">
      <c r="A206" s="15" t="s">
        <v>925</v>
      </c>
      <c r="B206" s="20" t="s">
        <v>924</v>
      </c>
      <c r="C206" s="16">
        <v>11</v>
      </c>
      <c r="D206" s="16" t="s">
        <v>927</v>
      </c>
      <c r="E206" s="16" t="s">
        <v>926</v>
      </c>
      <c r="F206" s="16" t="s">
        <v>862</v>
      </c>
    </row>
    <row r="207" spans="1:6" ht="24.75" thickBot="1" x14ac:dyDescent="0.3">
      <c r="A207" s="22" t="s">
        <v>925</v>
      </c>
      <c r="B207" s="23" t="s">
        <v>924</v>
      </c>
      <c r="C207" s="24">
        <v>12</v>
      </c>
      <c r="D207" s="24" t="s">
        <v>923</v>
      </c>
      <c r="E207" s="24" t="s">
        <v>922</v>
      </c>
      <c r="F207" s="16" t="s">
        <v>862</v>
      </c>
    </row>
    <row r="208" spans="1:6" ht="25.5" thickTop="1" thickBot="1" x14ac:dyDescent="0.3">
      <c r="A208" s="28" t="s">
        <v>921</v>
      </c>
      <c r="B208" s="29" t="s">
        <v>920</v>
      </c>
      <c r="C208" s="30"/>
      <c r="D208" s="30"/>
      <c r="E208" s="30"/>
      <c r="F208" s="16" t="s">
        <v>862</v>
      </c>
    </row>
    <row r="209" spans="1:6" ht="25.5" thickTop="1" thickBot="1" x14ac:dyDescent="0.3">
      <c r="A209" s="28" t="s">
        <v>919</v>
      </c>
      <c r="B209" s="29" t="s">
        <v>918</v>
      </c>
      <c r="C209" s="30"/>
      <c r="D209" s="30"/>
      <c r="E209" s="30"/>
      <c r="F209" s="16" t="s">
        <v>862</v>
      </c>
    </row>
    <row r="210" spans="1:6" ht="13.5" thickTop="1" thickBot="1" x14ac:dyDescent="0.3">
      <c r="A210" s="28" t="s">
        <v>917</v>
      </c>
      <c r="B210" s="29" t="s">
        <v>916</v>
      </c>
      <c r="C210" s="30"/>
      <c r="D210" s="30"/>
      <c r="E210" s="30"/>
      <c r="F210" s="16" t="s">
        <v>862</v>
      </c>
    </row>
    <row r="211" spans="1:6" ht="25.5" thickTop="1" thickBot="1" x14ac:dyDescent="0.3">
      <c r="A211" s="28" t="s">
        <v>915</v>
      </c>
      <c r="B211" s="29" t="s">
        <v>914</v>
      </c>
      <c r="C211" s="30"/>
      <c r="D211" s="30"/>
      <c r="E211" s="30"/>
      <c r="F211" s="16" t="s">
        <v>862</v>
      </c>
    </row>
    <row r="212" spans="1:6" ht="24.75" thickTop="1" x14ac:dyDescent="0.25">
      <c r="A212" s="25" t="s">
        <v>908</v>
      </c>
      <c r="B212" s="26" t="s">
        <v>907</v>
      </c>
      <c r="C212" s="27" t="s">
        <v>181</v>
      </c>
      <c r="D212" s="27" t="s">
        <v>913</v>
      </c>
      <c r="E212" s="27"/>
      <c r="F212" s="16" t="s">
        <v>862</v>
      </c>
    </row>
    <row r="213" spans="1:6" ht="24" x14ac:dyDescent="0.25">
      <c r="A213" s="15" t="s">
        <v>908</v>
      </c>
      <c r="B213" s="20" t="s">
        <v>907</v>
      </c>
      <c r="C213" s="16" t="s">
        <v>912</v>
      </c>
      <c r="D213" s="16" t="s">
        <v>911</v>
      </c>
      <c r="E213" s="16"/>
      <c r="F213" s="16" t="s">
        <v>862</v>
      </c>
    </row>
    <row r="214" spans="1:6" ht="24" x14ac:dyDescent="0.25">
      <c r="A214" s="15" t="s">
        <v>908</v>
      </c>
      <c r="B214" s="20" t="s">
        <v>907</v>
      </c>
      <c r="C214" s="16" t="s">
        <v>910</v>
      </c>
      <c r="D214" s="16" t="s">
        <v>909</v>
      </c>
      <c r="E214" s="16"/>
      <c r="F214" s="16" t="s">
        <v>862</v>
      </c>
    </row>
    <row r="215" spans="1:6" ht="24.75" thickBot="1" x14ac:dyDescent="0.3">
      <c r="A215" s="22" t="s">
        <v>908</v>
      </c>
      <c r="B215" s="23" t="s">
        <v>907</v>
      </c>
      <c r="C215" s="24" t="s">
        <v>331</v>
      </c>
      <c r="D215" s="24" t="s">
        <v>906</v>
      </c>
      <c r="E215" s="24"/>
      <c r="F215" s="16" t="s">
        <v>862</v>
      </c>
    </row>
    <row r="216" spans="1:6" ht="25.5" thickTop="1" thickBot="1" x14ac:dyDescent="0.3">
      <c r="A216" s="28" t="s">
        <v>905</v>
      </c>
      <c r="B216" s="29" t="s">
        <v>904</v>
      </c>
      <c r="C216" s="30"/>
      <c r="D216" s="30"/>
      <c r="E216" s="30"/>
      <c r="F216" s="16" t="s">
        <v>862</v>
      </c>
    </row>
    <row r="217" spans="1:6" ht="36.75" thickTop="1" x14ac:dyDescent="0.25">
      <c r="A217" s="25" t="s">
        <v>901</v>
      </c>
      <c r="B217" s="26" t="s">
        <v>900</v>
      </c>
      <c r="C217" s="27" t="s">
        <v>112</v>
      </c>
      <c r="D217" s="27" t="s">
        <v>897</v>
      </c>
      <c r="E217" s="27" t="s">
        <v>903</v>
      </c>
      <c r="F217" s="16" t="s">
        <v>862</v>
      </c>
    </row>
    <row r="218" spans="1:6" ht="48" x14ac:dyDescent="0.25">
      <c r="A218" s="15" t="s">
        <v>901</v>
      </c>
      <c r="B218" s="20" t="s">
        <v>900</v>
      </c>
      <c r="C218" s="16" t="s">
        <v>115</v>
      </c>
      <c r="D218" s="16" t="s">
        <v>893</v>
      </c>
      <c r="E218" s="16" t="s">
        <v>902</v>
      </c>
      <c r="F218" s="16" t="s">
        <v>862</v>
      </c>
    </row>
    <row r="219" spans="1:6" ht="24.75" thickBot="1" x14ac:dyDescent="0.3">
      <c r="A219" s="22" t="s">
        <v>901</v>
      </c>
      <c r="B219" s="23" t="s">
        <v>900</v>
      </c>
      <c r="C219" s="24" t="s">
        <v>163</v>
      </c>
      <c r="D219" s="24" t="s">
        <v>899</v>
      </c>
      <c r="E219" s="24" t="s">
        <v>898</v>
      </c>
      <c r="F219" s="16" t="s">
        <v>862</v>
      </c>
    </row>
    <row r="220" spans="1:6" ht="24.75" thickTop="1" x14ac:dyDescent="0.25">
      <c r="A220" s="25" t="s">
        <v>895</v>
      </c>
      <c r="B220" s="26" t="s">
        <v>894</v>
      </c>
      <c r="C220" s="27" t="s">
        <v>112</v>
      </c>
      <c r="D220" s="27" t="s">
        <v>897</v>
      </c>
      <c r="E220" s="27" t="s">
        <v>896</v>
      </c>
      <c r="F220" s="16" t="s">
        <v>862</v>
      </c>
    </row>
    <row r="221" spans="1:6" ht="24.75" thickBot="1" x14ac:dyDescent="0.3">
      <c r="A221" s="22" t="s">
        <v>895</v>
      </c>
      <c r="B221" s="23" t="s">
        <v>894</v>
      </c>
      <c r="C221" s="24" t="s">
        <v>115</v>
      </c>
      <c r="D221" s="24" t="s">
        <v>893</v>
      </c>
      <c r="E221" s="24" t="s">
        <v>892</v>
      </c>
      <c r="F221" s="16" t="s">
        <v>862</v>
      </c>
    </row>
    <row r="222" spans="1:6" ht="13.5" thickTop="1" thickBot="1" x14ac:dyDescent="0.3">
      <c r="A222" s="28" t="s">
        <v>891</v>
      </c>
      <c r="B222" s="29" t="s">
        <v>890</v>
      </c>
      <c r="C222" s="30"/>
      <c r="D222" s="30"/>
      <c r="E222" s="30"/>
      <c r="F222" s="16" t="s">
        <v>862</v>
      </c>
    </row>
    <row r="223" spans="1:6" ht="24.75" thickTop="1" x14ac:dyDescent="0.25">
      <c r="A223" s="25" t="s">
        <v>872</v>
      </c>
      <c r="B223" s="26" t="s">
        <v>871</v>
      </c>
      <c r="C223" s="27" t="s">
        <v>690</v>
      </c>
      <c r="D223" s="27" t="s">
        <v>889</v>
      </c>
      <c r="E223" s="27" t="s">
        <v>888</v>
      </c>
      <c r="F223" s="16" t="s">
        <v>862</v>
      </c>
    </row>
    <row r="224" spans="1:6" ht="24" x14ac:dyDescent="0.25">
      <c r="A224" s="15" t="s">
        <v>872</v>
      </c>
      <c r="B224" s="20" t="s">
        <v>871</v>
      </c>
      <c r="C224" s="16" t="s">
        <v>887</v>
      </c>
      <c r="D224" s="16" t="s">
        <v>886</v>
      </c>
      <c r="E224" s="16"/>
      <c r="F224" s="16" t="s">
        <v>862</v>
      </c>
    </row>
    <row r="225" spans="1:6" ht="24" x14ac:dyDescent="0.25">
      <c r="A225" s="15" t="s">
        <v>872</v>
      </c>
      <c r="B225" s="20" t="s">
        <v>871</v>
      </c>
      <c r="C225" s="16" t="s">
        <v>885</v>
      </c>
      <c r="D225" s="16" t="s">
        <v>884</v>
      </c>
      <c r="E225" s="16" t="s">
        <v>883</v>
      </c>
      <c r="F225" s="16" t="s">
        <v>862</v>
      </c>
    </row>
    <row r="226" spans="1:6" ht="24" x14ac:dyDescent="0.25">
      <c r="A226" s="15" t="s">
        <v>872</v>
      </c>
      <c r="B226" s="20" t="s">
        <v>871</v>
      </c>
      <c r="C226" s="16" t="s">
        <v>882</v>
      </c>
      <c r="D226" s="16" t="s">
        <v>881</v>
      </c>
      <c r="E226" s="16"/>
      <c r="F226" s="16" t="s">
        <v>862</v>
      </c>
    </row>
    <row r="227" spans="1:6" ht="24" x14ac:dyDescent="0.25">
      <c r="A227" s="15" t="s">
        <v>872</v>
      </c>
      <c r="B227" s="20" t="s">
        <v>871</v>
      </c>
      <c r="C227" s="16" t="s">
        <v>880</v>
      </c>
      <c r="D227" s="16" t="s">
        <v>879</v>
      </c>
      <c r="E227" s="16" t="s">
        <v>878</v>
      </c>
      <c r="F227" s="16" t="s">
        <v>862</v>
      </c>
    </row>
    <row r="228" spans="1:6" ht="24" x14ac:dyDescent="0.25">
      <c r="A228" s="15" t="s">
        <v>872</v>
      </c>
      <c r="B228" s="20" t="s">
        <v>871</v>
      </c>
      <c r="C228" s="16" t="s">
        <v>877</v>
      </c>
      <c r="D228" s="16" t="s">
        <v>876</v>
      </c>
      <c r="E228" s="16"/>
      <c r="F228" s="16" t="s">
        <v>862</v>
      </c>
    </row>
    <row r="229" spans="1:6" ht="24" x14ac:dyDescent="0.25">
      <c r="A229" s="15" t="s">
        <v>872</v>
      </c>
      <c r="B229" s="20" t="s">
        <v>871</v>
      </c>
      <c r="C229" s="16" t="s">
        <v>875</v>
      </c>
      <c r="D229" s="16" t="s">
        <v>874</v>
      </c>
      <c r="E229" s="16" t="s">
        <v>873</v>
      </c>
      <c r="F229" s="16" t="s">
        <v>862</v>
      </c>
    </row>
    <row r="230" spans="1:6" ht="24.75" thickBot="1" x14ac:dyDescent="0.3">
      <c r="A230" s="22" t="s">
        <v>872</v>
      </c>
      <c r="B230" s="23" t="s">
        <v>871</v>
      </c>
      <c r="C230" s="24" t="s">
        <v>870</v>
      </c>
      <c r="D230" s="24" t="s">
        <v>869</v>
      </c>
      <c r="E230" s="24"/>
      <c r="F230" s="16" t="s">
        <v>862</v>
      </c>
    </row>
    <row r="231" spans="1:6" ht="37.5" thickTop="1" thickBot="1" x14ac:dyDescent="0.3">
      <c r="A231" s="28" t="s">
        <v>868</v>
      </c>
      <c r="B231" s="29" t="s">
        <v>867</v>
      </c>
      <c r="C231" s="30"/>
      <c r="D231" s="30"/>
      <c r="E231" s="30"/>
      <c r="F231" s="16" t="s">
        <v>862</v>
      </c>
    </row>
    <row r="232" spans="1:6" ht="25.5" thickTop="1" thickBot="1" x14ac:dyDescent="0.3">
      <c r="A232" s="28" t="s">
        <v>866</v>
      </c>
      <c r="B232" s="29" t="s">
        <v>865</v>
      </c>
      <c r="C232" s="30"/>
      <c r="D232" s="30"/>
      <c r="E232" s="30"/>
      <c r="F232" s="16" t="s">
        <v>862</v>
      </c>
    </row>
    <row r="233" spans="1:6" ht="37.5" thickTop="1" thickBot="1" x14ac:dyDescent="0.3">
      <c r="A233" s="28" t="s">
        <v>864</v>
      </c>
      <c r="B233" s="29" t="s">
        <v>863</v>
      </c>
      <c r="C233" s="30"/>
      <c r="D233" s="30"/>
      <c r="E233" s="30"/>
      <c r="F233" s="16" t="s">
        <v>862</v>
      </c>
    </row>
    <row r="234" spans="1:6" ht="61.5" thickTop="1" thickBot="1" x14ac:dyDescent="0.3">
      <c r="A234" s="28" t="s">
        <v>21</v>
      </c>
      <c r="B234" s="29" t="s">
        <v>861</v>
      </c>
      <c r="C234" s="30"/>
      <c r="D234" s="30"/>
      <c r="E234" s="30"/>
      <c r="F234" s="16"/>
    </row>
    <row r="235" spans="1:6" ht="109.5" thickTop="1" thickBot="1" x14ac:dyDescent="0.3">
      <c r="A235" s="28" t="s">
        <v>22</v>
      </c>
      <c r="B235" s="29" t="s">
        <v>860</v>
      </c>
      <c r="C235" s="30"/>
      <c r="D235" s="30"/>
      <c r="E235" s="30"/>
      <c r="F235" s="16" t="s">
        <v>679</v>
      </c>
    </row>
    <row r="236" spans="1:6" ht="61.5" thickTop="1" thickBot="1" x14ac:dyDescent="0.3">
      <c r="A236" s="28" t="s">
        <v>23</v>
      </c>
      <c r="B236" s="29" t="s">
        <v>859</v>
      </c>
      <c r="C236" s="30"/>
      <c r="D236" s="30"/>
      <c r="E236" s="30"/>
      <c r="F236" s="16"/>
    </row>
    <row r="237" spans="1:6" ht="61.5" thickTop="1" thickBot="1" x14ac:dyDescent="0.3">
      <c r="A237" s="28" t="s">
        <v>25</v>
      </c>
      <c r="B237" s="29" t="s">
        <v>858</v>
      </c>
      <c r="C237" s="30"/>
      <c r="D237" s="30"/>
      <c r="E237" s="30"/>
      <c r="F237" s="16" t="s">
        <v>679</v>
      </c>
    </row>
    <row r="238" spans="1:6" ht="157.5" thickTop="1" thickBot="1" x14ac:dyDescent="0.3">
      <c r="A238" s="28" t="s">
        <v>26</v>
      </c>
      <c r="B238" s="29" t="s">
        <v>1436</v>
      </c>
      <c r="C238" s="30"/>
      <c r="D238" s="30"/>
      <c r="E238" s="30"/>
      <c r="F238" s="16" t="s">
        <v>679</v>
      </c>
    </row>
    <row r="239" spans="1:6" ht="49.5" thickTop="1" thickBot="1" x14ac:dyDescent="0.3">
      <c r="A239" s="28" t="s">
        <v>1430</v>
      </c>
      <c r="B239" s="29" t="s">
        <v>653</v>
      </c>
      <c r="C239" s="30"/>
      <c r="D239" s="30"/>
      <c r="E239" s="30"/>
      <c r="F239" s="16" t="s">
        <v>679</v>
      </c>
    </row>
    <row r="240" spans="1:6" ht="109.5" thickTop="1" thickBot="1" x14ac:dyDescent="0.3">
      <c r="A240" s="28" t="s">
        <v>27</v>
      </c>
      <c r="B240" s="29" t="s">
        <v>857</v>
      </c>
      <c r="C240" s="30"/>
      <c r="D240" s="30"/>
      <c r="E240" s="30"/>
      <c r="F240" s="16" t="s">
        <v>679</v>
      </c>
    </row>
    <row r="241" spans="1:6" ht="133.5" thickTop="1" thickBot="1" x14ac:dyDescent="0.3">
      <c r="A241" s="28" t="s">
        <v>28</v>
      </c>
      <c r="B241" s="29" t="s">
        <v>856</v>
      </c>
      <c r="C241" s="30"/>
      <c r="D241" s="30"/>
      <c r="E241" s="30"/>
      <c r="F241" s="16" t="s">
        <v>679</v>
      </c>
    </row>
    <row r="242" spans="1:6" ht="145.5" thickTop="1" thickBot="1" x14ac:dyDescent="0.3">
      <c r="A242" s="28" t="s">
        <v>29</v>
      </c>
      <c r="B242" s="29" t="s">
        <v>855</v>
      </c>
      <c r="C242" s="30"/>
      <c r="D242" s="30"/>
      <c r="E242" s="30"/>
      <c r="F242" s="16" t="s">
        <v>679</v>
      </c>
    </row>
    <row r="243" spans="1:6" ht="145.5" thickTop="1" thickBot="1" x14ac:dyDescent="0.3">
      <c r="A243" s="28" t="s">
        <v>30</v>
      </c>
      <c r="B243" s="29" t="s">
        <v>854</v>
      </c>
      <c r="C243" s="30"/>
      <c r="D243" s="30"/>
      <c r="E243" s="30"/>
      <c r="F243" s="16" t="s">
        <v>679</v>
      </c>
    </row>
    <row r="244" spans="1:6" ht="37.5" thickTop="1" thickBot="1" x14ac:dyDescent="0.3">
      <c r="A244" s="28" t="s">
        <v>31</v>
      </c>
      <c r="B244" s="29" t="s">
        <v>853</v>
      </c>
      <c r="C244" s="30"/>
      <c r="D244" s="30"/>
      <c r="E244" s="30"/>
      <c r="F244" s="16" t="s">
        <v>679</v>
      </c>
    </row>
    <row r="245" spans="1:6" ht="37.5" thickTop="1" thickBot="1" x14ac:dyDescent="0.3">
      <c r="A245" s="28" t="s">
        <v>32</v>
      </c>
      <c r="B245" s="29" t="s">
        <v>852</v>
      </c>
      <c r="C245" s="30"/>
      <c r="D245" s="30"/>
      <c r="E245" s="30"/>
      <c r="F245" s="16" t="s">
        <v>679</v>
      </c>
    </row>
    <row r="246" spans="1:6" ht="25.5" thickTop="1" thickBot="1" x14ac:dyDescent="0.3">
      <c r="A246" s="28" t="s">
        <v>33</v>
      </c>
      <c r="B246" s="29" t="s">
        <v>851</v>
      </c>
      <c r="C246" s="30"/>
      <c r="D246" s="30"/>
      <c r="E246" s="30"/>
      <c r="F246" s="16" t="s">
        <v>679</v>
      </c>
    </row>
    <row r="247" spans="1:6" ht="13.5" thickTop="1" thickBot="1" x14ac:dyDescent="0.3">
      <c r="A247" s="28" t="s">
        <v>34</v>
      </c>
      <c r="B247" s="29" t="s">
        <v>85</v>
      </c>
      <c r="C247" s="30"/>
      <c r="D247" s="30"/>
      <c r="E247" s="30"/>
      <c r="F247" s="16" t="s">
        <v>679</v>
      </c>
    </row>
    <row r="248" spans="1:6" ht="61.5" thickTop="1" thickBot="1" x14ac:dyDescent="0.3">
      <c r="A248" s="28" t="s">
        <v>35</v>
      </c>
      <c r="B248" s="29" t="s">
        <v>850</v>
      </c>
      <c r="C248" s="30"/>
      <c r="D248" s="30"/>
      <c r="E248" s="30"/>
      <c r="F248" s="16"/>
    </row>
    <row r="249" spans="1:6" ht="61.5" thickTop="1" thickBot="1" x14ac:dyDescent="0.3">
      <c r="A249" s="28" t="s">
        <v>36</v>
      </c>
      <c r="B249" s="29" t="s">
        <v>849</v>
      </c>
      <c r="C249" s="30"/>
      <c r="D249" s="30"/>
      <c r="E249" s="30"/>
      <c r="F249" s="16"/>
    </row>
    <row r="250" spans="1:6" ht="73.5" thickTop="1" thickBot="1" x14ac:dyDescent="0.3">
      <c r="A250" s="28" t="s">
        <v>38</v>
      </c>
      <c r="B250" s="29" t="s">
        <v>848</v>
      </c>
      <c r="C250" s="30"/>
      <c r="D250" s="30"/>
      <c r="E250" s="30"/>
      <c r="F250" s="16" t="s">
        <v>679</v>
      </c>
    </row>
    <row r="251" spans="1:6" ht="60.75" thickTop="1" x14ac:dyDescent="0.25">
      <c r="A251" s="25" t="s">
        <v>39</v>
      </c>
      <c r="B251" s="26" t="s">
        <v>815</v>
      </c>
      <c r="C251" s="27" t="s">
        <v>758</v>
      </c>
      <c r="D251" s="27" t="s">
        <v>847</v>
      </c>
      <c r="E251" s="27"/>
      <c r="F251" s="16" t="s">
        <v>679</v>
      </c>
    </row>
    <row r="252" spans="1:6" ht="24" x14ac:dyDescent="0.25">
      <c r="A252" s="15" t="s">
        <v>39</v>
      </c>
      <c r="B252" s="20" t="s">
        <v>815</v>
      </c>
      <c r="C252" s="16" t="s">
        <v>846</v>
      </c>
      <c r="D252" s="16" t="s">
        <v>845</v>
      </c>
      <c r="E252" s="16"/>
      <c r="F252" s="16" t="s">
        <v>679</v>
      </c>
    </row>
    <row r="253" spans="1:6" ht="60" x14ac:dyDescent="0.25">
      <c r="A253" s="15" t="s">
        <v>39</v>
      </c>
      <c r="B253" s="20" t="s">
        <v>815</v>
      </c>
      <c r="C253" s="16" t="s">
        <v>755</v>
      </c>
      <c r="D253" s="16" t="s">
        <v>844</v>
      </c>
      <c r="E253" s="16"/>
      <c r="F253" s="16" t="s">
        <v>679</v>
      </c>
    </row>
    <row r="254" spans="1:6" ht="60" x14ac:dyDescent="0.25">
      <c r="A254" s="15" t="s">
        <v>39</v>
      </c>
      <c r="B254" s="20" t="s">
        <v>815</v>
      </c>
      <c r="C254" s="16" t="s">
        <v>752</v>
      </c>
      <c r="D254" s="16" t="s">
        <v>750</v>
      </c>
      <c r="E254" s="16"/>
      <c r="F254" s="16" t="s">
        <v>679</v>
      </c>
    </row>
    <row r="255" spans="1:6" ht="60" x14ac:dyDescent="0.25">
      <c r="A255" s="15" t="s">
        <v>39</v>
      </c>
      <c r="B255" s="20" t="s">
        <v>815</v>
      </c>
      <c r="C255" s="16" t="s">
        <v>749</v>
      </c>
      <c r="D255" s="16" t="s">
        <v>747</v>
      </c>
      <c r="E255" s="16"/>
      <c r="F255" s="16" t="s">
        <v>679</v>
      </c>
    </row>
    <row r="256" spans="1:6" ht="24" x14ac:dyDescent="0.25">
      <c r="A256" s="15" t="s">
        <v>39</v>
      </c>
      <c r="B256" s="20" t="s">
        <v>815</v>
      </c>
      <c r="C256" s="16" t="s">
        <v>843</v>
      </c>
      <c r="D256" s="16" t="s">
        <v>842</v>
      </c>
      <c r="E256" s="16"/>
      <c r="F256" s="16" t="s">
        <v>679</v>
      </c>
    </row>
    <row r="257" spans="1:6" ht="24" x14ac:dyDescent="0.25">
      <c r="A257" s="15" t="s">
        <v>39</v>
      </c>
      <c r="B257" s="20" t="s">
        <v>815</v>
      </c>
      <c r="C257" s="16" t="s">
        <v>841</v>
      </c>
      <c r="D257" s="16" t="s">
        <v>840</v>
      </c>
      <c r="E257" s="16"/>
      <c r="F257" s="16" t="s">
        <v>679</v>
      </c>
    </row>
    <row r="258" spans="1:6" ht="24" x14ac:dyDescent="0.25">
      <c r="A258" s="15" t="s">
        <v>39</v>
      </c>
      <c r="B258" s="20" t="s">
        <v>815</v>
      </c>
      <c r="C258" s="16" t="s">
        <v>839</v>
      </c>
      <c r="D258" s="16" t="s">
        <v>838</v>
      </c>
      <c r="E258" s="16"/>
      <c r="F258" s="16" t="s">
        <v>679</v>
      </c>
    </row>
    <row r="259" spans="1:6" ht="24" x14ac:dyDescent="0.25">
      <c r="A259" s="15" t="s">
        <v>39</v>
      </c>
      <c r="B259" s="20" t="s">
        <v>815</v>
      </c>
      <c r="C259" s="16" t="s">
        <v>837</v>
      </c>
      <c r="D259" s="16" t="s">
        <v>836</v>
      </c>
      <c r="E259" s="16"/>
      <c r="F259" s="16" t="s">
        <v>679</v>
      </c>
    </row>
    <row r="260" spans="1:6" ht="72" x14ac:dyDescent="0.25">
      <c r="A260" s="15" t="s">
        <v>39</v>
      </c>
      <c r="B260" s="20" t="s">
        <v>815</v>
      </c>
      <c r="C260" s="16" t="s">
        <v>746</v>
      </c>
      <c r="D260" s="16" t="s">
        <v>835</v>
      </c>
      <c r="E260" s="16"/>
      <c r="F260" s="16" t="s">
        <v>679</v>
      </c>
    </row>
    <row r="261" spans="1:6" ht="36" x14ac:dyDescent="0.25">
      <c r="A261" s="15" t="s">
        <v>39</v>
      </c>
      <c r="B261" s="20" t="s">
        <v>815</v>
      </c>
      <c r="C261" s="16" t="s">
        <v>834</v>
      </c>
      <c r="D261" s="16" t="s">
        <v>833</v>
      </c>
      <c r="E261" s="16"/>
      <c r="F261" s="16" t="s">
        <v>679</v>
      </c>
    </row>
    <row r="262" spans="1:6" ht="24" x14ac:dyDescent="0.25">
      <c r="A262" s="15" t="s">
        <v>39</v>
      </c>
      <c r="B262" s="20" t="s">
        <v>815</v>
      </c>
      <c r="C262" s="16" t="s">
        <v>832</v>
      </c>
      <c r="D262" s="16" t="s">
        <v>831</v>
      </c>
      <c r="E262" s="16"/>
      <c r="F262" s="16" t="s">
        <v>679</v>
      </c>
    </row>
    <row r="263" spans="1:6" ht="24" x14ac:dyDescent="0.25">
      <c r="A263" s="15" t="s">
        <v>39</v>
      </c>
      <c r="B263" s="20" t="s">
        <v>815</v>
      </c>
      <c r="C263" s="16" t="s">
        <v>830</v>
      </c>
      <c r="D263" s="16" t="s">
        <v>829</v>
      </c>
      <c r="E263" s="16" t="s">
        <v>828</v>
      </c>
      <c r="F263" s="16" t="s">
        <v>679</v>
      </c>
    </row>
    <row r="264" spans="1:6" ht="24" x14ac:dyDescent="0.25">
      <c r="A264" s="15" t="s">
        <v>39</v>
      </c>
      <c r="B264" s="20" t="s">
        <v>815</v>
      </c>
      <c r="C264" s="16" t="s">
        <v>827</v>
      </c>
      <c r="D264" s="16" t="s">
        <v>826</v>
      </c>
      <c r="E264" s="16"/>
      <c r="F264" s="16" t="s">
        <v>679</v>
      </c>
    </row>
    <row r="265" spans="1:6" ht="48" x14ac:dyDescent="0.25">
      <c r="A265" s="15" t="s">
        <v>39</v>
      </c>
      <c r="B265" s="20" t="s">
        <v>815</v>
      </c>
      <c r="C265" s="16" t="s">
        <v>743</v>
      </c>
      <c r="D265" s="16" t="s">
        <v>825</v>
      </c>
      <c r="E265" s="16"/>
      <c r="F265" s="16" t="s">
        <v>679</v>
      </c>
    </row>
    <row r="266" spans="1:6" ht="72" x14ac:dyDescent="0.25">
      <c r="A266" s="15" t="s">
        <v>39</v>
      </c>
      <c r="B266" s="20" t="s">
        <v>815</v>
      </c>
      <c r="C266" s="16" t="s">
        <v>740</v>
      </c>
      <c r="D266" s="16" t="s">
        <v>824</v>
      </c>
      <c r="E266" s="16"/>
      <c r="F266" s="16" t="s">
        <v>679</v>
      </c>
    </row>
    <row r="267" spans="1:6" ht="60" x14ac:dyDescent="0.25">
      <c r="A267" s="15" t="s">
        <v>39</v>
      </c>
      <c r="B267" s="20" t="s">
        <v>815</v>
      </c>
      <c r="C267" s="16" t="s">
        <v>737</v>
      </c>
      <c r="D267" s="16" t="s">
        <v>823</v>
      </c>
      <c r="E267" s="16"/>
      <c r="F267" s="16" t="s">
        <v>679</v>
      </c>
    </row>
    <row r="268" spans="1:6" ht="60" x14ac:dyDescent="0.25">
      <c r="A268" s="15" t="s">
        <v>39</v>
      </c>
      <c r="B268" s="20" t="s">
        <v>815</v>
      </c>
      <c r="C268" s="16" t="s">
        <v>734</v>
      </c>
      <c r="D268" s="16" t="s">
        <v>822</v>
      </c>
      <c r="E268" s="16"/>
      <c r="F268" s="16" t="s">
        <v>679</v>
      </c>
    </row>
    <row r="269" spans="1:6" ht="24" x14ac:dyDescent="0.25">
      <c r="A269" s="15" t="s">
        <v>39</v>
      </c>
      <c r="B269" s="20" t="s">
        <v>815</v>
      </c>
      <c r="C269" s="16" t="s">
        <v>97</v>
      </c>
      <c r="D269" s="16" t="s">
        <v>821</v>
      </c>
      <c r="E269" s="16"/>
      <c r="F269" s="16" t="s">
        <v>679</v>
      </c>
    </row>
    <row r="270" spans="1:6" ht="60" x14ac:dyDescent="0.25">
      <c r="A270" s="15" t="s">
        <v>39</v>
      </c>
      <c r="B270" s="20" t="s">
        <v>815</v>
      </c>
      <c r="C270" s="16" t="s">
        <v>730</v>
      </c>
      <c r="D270" s="16" t="s">
        <v>820</v>
      </c>
      <c r="E270" s="16"/>
      <c r="F270" s="16" t="s">
        <v>679</v>
      </c>
    </row>
    <row r="271" spans="1:6" ht="24" x14ac:dyDescent="0.25">
      <c r="A271" s="15" t="s">
        <v>39</v>
      </c>
      <c r="B271" s="20" t="s">
        <v>815</v>
      </c>
      <c r="C271" s="16" t="s">
        <v>819</v>
      </c>
      <c r="D271" s="16" t="s">
        <v>818</v>
      </c>
      <c r="E271" s="16"/>
      <c r="F271" s="16" t="s">
        <v>679</v>
      </c>
    </row>
    <row r="272" spans="1:6" ht="24" x14ac:dyDescent="0.25">
      <c r="A272" s="15" t="s">
        <v>39</v>
      </c>
      <c r="B272" s="20" t="s">
        <v>815</v>
      </c>
      <c r="C272" s="16" t="s">
        <v>817</v>
      </c>
      <c r="D272" s="16" t="s">
        <v>816</v>
      </c>
      <c r="E272" s="16"/>
      <c r="F272" s="16" t="s">
        <v>679</v>
      </c>
    </row>
    <row r="273" spans="1:6" ht="24.75" thickBot="1" x14ac:dyDescent="0.3">
      <c r="A273" s="22" t="s">
        <v>39</v>
      </c>
      <c r="B273" s="23" t="s">
        <v>815</v>
      </c>
      <c r="C273" s="24" t="s">
        <v>761</v>
      </c>
      <c r="D273" s="24" t="s">
        <v>814</v>
      </c>
      <c r="E273" s="24"/>
      <c r="F273" s="16" t="s">
        <v>679</v>
      </c>
    </row>
    <row r="274" spans="1:6" ht="36.75" thickTop="1" x14ac:dyDescent="0.25">
      <c r="A274" s="25" t="s">
        <v>40</v>
      </c>
      <c r="B274" s="26" t="s">
        <v>762</v>
      </c>
      <c r="C274" s="27" t="s">
        <v>813</v>
      </c>
      <c r="D274" s="27" t="s">
        <v>812</v>
      </c>
      <c r="E274" s="27"/>
      <c r="F274" s="16" t="s">
        <v>679</v>
      </c>
    </row>
    <row r="275" spans="1:6" ht="48" x14ac:dyDescent="0.25">
      <c r="A275" s="15" t="s">
        <v>40</v>
      </c>
      <c r="B275" s="20" t="s">
        <v>762</v>
      </c>
      <c r="C275" s="16" t="s">
        <v>811</v>
      </c>
      <c r="D275" s="16" t="s">
        <v>810</v>
      </c>
      <c r="E275" s="16"/>
      <c r="F275" s="16" t="s">
        <v>679</v>
      </c>
    </row>
    <row r="276" spans="1:6" ht="24" x14ac:dyDescent="0.25">
      <c r="A276" s="15" t="s">
        <v>40</v>
      </c>
      <c r="B276" s="20" t="s">
        <v>762</v>
      </c>
      <c r="C276" s="16" t="s">
        <v>809</v>
      </c>
      <c r="D276" s="16" t="s">
        <v>808</v>
      </c>
      <c r="E276" s="16"/>
      <c r="F276" s="16" t="s">
        <v>679</v>
      </c>
    </row>
    <row r="277" spans="1:6" ht="24" x14ac:dyDescent="0.25">
      <c r="A277" s="15" t="s">
        <v>40</v>
      </c>
      <c r="B277" s="20" t="s">
        <v>762</v>
      </c>
      <c r="C277" s="16" t="s">
        <v>807</v>
      </c>
      <c r="D277" s="16" t="s">
        <v>806</v>
      </c>
      <c r="E277" s="16"/>
      <c r="F277" s="16" t="s">
        <v>679</v>
      </c>
    </row>
    <row r="278" spans="1:6" ht="24" x14ac:dyDescent="0.25">
      <c r="A278" s="15" t="s">
        <v>40</v>
      </c>
      <c r="B278" s="20" t="s">
        <v>762</v>
      </c>
      <c r="C278" s="16" t="s">
        <v>805</v>
      </c>
      <c r="D278" s="16" t="s">
        <v>804</v>
      </c>
      <c r="E278" s="16"/>
      <c r="F278" s="16" t="s">
        <v>679</v>
      </c>
    </row>
    <row r="279" spans="1:6" ht="24" x14ac:dyDescent="0.25">
      <c r="A279" s="15" t="s">
        <v>40</v>
      </c>
      <c r="B279" s="20" t="s">
        <v>762</v>
      </c>
      <c r="C279" s="16" t="s">
        <v>803</v>
      </c>
      <c r="D279" s="16" t="s">
        <v>802</v>
      </c>
      <c r="E279" s="16"/>
      <c r="F279" s="16" t="s">
        <v>679</v>
      </c>
    </row>
    <row r="280" spans="1:6" ht="24" x14ac:dyDescent="0.25">
      <c r="A280" s="15" t="s">
        <v>40</v>
      </c>
      <c r="B280" s="20" t="s">
        <v>762</v>
      </c>
      <c r="C280" s="16" t="s">
        <v>801</v>
      </c>
      <c r="D280" s="16" t="s">
        <v>800</v>
      </c>
      <c r="E280" s="16"/>
      <c r="F280" s="16" t="s">
        <v>679</v>
      </c>
    </row>
    <row r="281" spans="1:6" ht="24" x14ac:dyDescent="0.25">
      <c r="A281" s="15" t="s">
        <v>40</v>
      </c>
      <c r="B281" s="20" t="s">
        <v>762</v>
      </c>
      <c r="C281" s="16" t="s">
        <v>799</v>
      </c>
      <c r="D281" s="16" t="s">
        <v>798</v>
      </c>
      <c r="E281" s="16"/>
      <c r="F281" s="16" t="s">
        <v>679</v>
      </c>
    </row>
    <row r="282" spans="1:6" ht="24" x14ac:dyDescent="0.25">
      <c r="A282" s="15" t="s">
        <v>40</v>
      </c>
      <c r="B282" s="20" t="s">
        <v>762</v>
      </c>
      <c r="C282" s="16" t="s">
        <v>797</v>
      </c>
      <c r="D282" s="16" t="s">
        <v>796</v>
      </c>
      <c r="E282" s="16"/>
      <c r="F282" s="16" t="s">
        <v>679</v>
      </c>
    </row>
    <row r="283" spans="1:6" ht="36" x14ac:dyDescent="0.25">
      <c r="A283" s="15" t="s">
        <v>40</v>
      </c>
      <c r="B283" s="20" t="s">
        <v>762</v>
      </c>
      <c r="C283" s="16" t="s">
        <v>795</v>
      </c>
      <c r="D283" s="16" t="s">
        <v>794</v>
      </c>
      <c r="E283" s="16"/>
      <c r="F283" s="16" t="s">
        <v>679</v>
      </c>
    </row>
    <row r="284" spans="1:6" ht="24" x14ac:dyDescent="0.25">
      <c r="A284" s="15" t="s">
        <v>40</v>
      </c>
      <c r="B284" s="20" t="s">
        <v>762</v>
      </c>
      <c r="C284" s="16" t="s">
        <v>793</v>
      </c>
      <c r="D284" s="16" t="s">
        <v>792</v>
      </c>
      <c r="E284" s="16"/>
      <c r="F284" s="16" t="s">
        <v>679</v>
      </c>
    </row>
    <row r="285" spans="1:6" ht="24" x14ac:dyDescent="0.25">
      <c r="A285" s="15" t="s">
        <v>40</v>
      </c>
      <c r="B285" s="20" t="s">
        <v>762</v>
      </c>
      <c r="C285" s="16" t="s">
        <v>791</v>
      </c>
      <c r="D285" s="16" t="s">
        <v>790</v>
      </c>
      <c r="E285" s="16"/>
      <c r="F285" s="16" t="s">
        <v>679</v>
      </c>
    </row>
    <row r="286" spans="1:6" ht="24" x14ac:dyDescent="0.25">
      <c r="A286" s="15" t="s">
        <v>40</v>
      </c>
      <c r="B286" s="20" t="s">
        <v>762</v>
      </c>
      <c r="C286" s="16" t="s">
        <v>789</v>
      </c>
      <c r="D286" s="16" t="s">
        <v>788</v>
      </c>
      <c r="E286" s="16"/>
      <c r="F286" s="16" t="s">
        <v>679</v>
      </c>
    </row>
    <row r="287" spans="1:6" ht="24" x14ac:dyDescent="0.25">
      <c r="A287" s="15" t="s">
        <v>40</v>
      </c>
      <c r="B287" s="20" t="s">
        <v>762</v>
      </c>
      <c r="C287" s="16" t="s">
        <v>787</v>
      </c>
      <c r="D287" s="16" t="s">
        <v>786</v>
      </c>
      <c r="E287" s="16"/>
      <c r="F287" s="16" t="s">
        <v>679</v>
      </c>
    </row>
    <row r="288" spans="1:6" ht="36" x14ac:dyDescent="0.25">
      <c r="A288" s="15" t="s">
        <v>40</v>
      </c>
      <c r="B288" s="20" t="s">
        <v>762</v>
      </c>
      <c r="C288" s="16" t="s">
        <v>785</v>
      </c>
      <c r="D288" s="16" t="s">
        <v>784</v>
      </c>
      <c r="E288" s="16"/>
      <c r="F288" s="16" t="s">
        <v>679</v>
      </c>
    </row>
    <row r="289" spans="1:6" ht="48" x14ac:dyDescent="0.25">
      <c r="A289" s="15" t="s">
        <v>40</v>
      </c>
      <c r="B289" s="20" t="s">
        <v>762</v>
      </c>
      <c r="C289" s="16" t="s">
        <v>783</v>
      </c>
      <c r="D289" s="16" t="s">
        <v>782</v>
      </c>
      <c r="E289" s="16"/>
      <c r="F289" s="16" t="s">
        <v>679</v>
      </c>
    </row>
    <row r="290" spans="1:6" ht="48" x14ac:dyDescent="0.25">
      <c r="A290" s="15" t="s">
        <v>40</v>
      </c>
      <c r="B290" s="20" t="s">
        <v>762</v>
      </c>
      <c r="C290" s="16" t="s">
        <v>781</v>
      </c>
      <c r="D290" s="16" t="s">
        <v>780</v>
      </c>
      <c r="E290" s="16"/>
      <c r="F290" s="16" t="s">
        <v>679</v>
      </c>
    </row>
    <row r="291" spans="1:6" ht="24" x14ac:dyDescent="0.25">
      <c r="A291" s="15" t="s">
        <v>40</v>
      </c>
      <c r="B291" s="20" t="s">
        <v>762</v>
      </c>
      <c r="C291" s="16" t="s">
        <v>779</v>
      </c>
      <c r="D291" s="16" t="s">
        <v>778</v>
      </c>
      <c r="E291" s="16"/>
      <c r="F291" s="16" t="s">
        <v>679</v>
      </c>
    </row>
    <row r="292" spans="1:6" ht="36" x14ac:dyDescent="0.25">
      <c r="A292" s="15" t="s">
        <v>40</v>
      </c>
      <c r="B292" s="20" t="s">
        <v>762</v>
      </c>
      <c r="C292" s="16" t="s">
        <v>777</v>
      </c>
      <c r="D292" s="16" t="s">
        <v>776</v>
      </c>
      <c r="E292" s="16"/>
      <c r="F292" s="16" t="s">
        <v>679</v>
      </c>
    </row>
    <row r="293" spans="1:6" ht="36" x14ac:dyDescent="0.25">
      <c r="A293" s="15" t="s">
        <v>40</v>
      </c>
      <c r="B293" s="20" t="s">
        <v>762</v>
      </c>
      <c r="C293" s="16" t="s">
        <v>775</v>
      </c>
      <c r="D293" s="16" t="s">
        <v>774</v>
      </c>
      <c r="E293" s="16"/>
      <c r="F293" s="16" t="s">
        <v>679</v>
      </c>
    </row>
    <row r="294" spans="1:6" ht="48" x14ac:dyDescent="0.25">
      <c r="A294" s="15" t="s">
        <v>40</v>
      </c>
      <c r="B294" s="20" t="s">
        <v>762</v>
      </c>
      <c r="C294" s="16" t="s">
        <v>773</v>
      </c>
      <c r="D294" s="16" t="s">
        <v>772</v>
      </c>
      <c r="E294" s="16"/>
      <c r="F294" s="16" t="s">
        <v>679</v>
      </c>
    </row>
    <row r="295" spans="1:6" ht="24" x14ac:dyDescent="0.25">
      <c r="A295" s="15" t="s">
        <v>40</v>
      </c>
      <c r="B295" s="20" t="s">
        <v>762</v>
      </c>
      <c r="C295" s="16" t="s">
        <v>99</v>
      </c>
      <c r="D295" s="16" t="s">
        <v>771</v>
      </c>
      <c r="E295" s="16"/>
      <c r="F295" s="16" t="s">
        <v>679</v>
      </c>
    </row>
    <row r="296" spans="1:6" ht="24" x14ac:dyDescent="0.25">
      <c r="A296" s="15" t="s">
        <v>40</v>
      </c>
      <c r="B296" s="20" t="s">
        <v>762</v>
      </c>
      <c r="C296" s="16" t="s">
        <v>770</v>
      </c>
      <c r="D296" s="16" t="s">
        <v>769</v>
      </c>
      <c r="E296" s="16"/>
      <c r="F296" s="16" t="s">
        <v>679</v>
      </c>
    </row>
    <row r="297" spans="1:6" ht="24" x14ac:dyDescent="0.25">
      <c r="A297" s="15" t="s">
        <v>40</v>
      </c>
      <c r="B297" s="20" t="s">
        <v>762</v>
      </c>
      <c r="C297" s="16" t="s">
        <v>768</v>
      </c>
      <c r="D297" s="16" t="s">
        <v>767</v>
      </c>
      <c r="E297" s="16"/>
      <c r="F297" s="16" t="s">
        <v>679</v>
      </c>
    </row>
    <row r="298" spans="1:6" ht="24" x14ac:dyDescent="0.25">
      <c r="A298" s="15" t="s">
        <v>40</v>
      </c>
      <c r="B298" s="20" t="s">
        <v>762</v>
      </c>
      <c r="C298" s="16" t="s">
        <v>766</v>
      </c>
      <c r="D298" s="16" t="s">
        <v>765</v>
      </c>
      <c r="E298" s="16"/>
      <c r="F298" s="16" t="s">
        <v>679</v>
      </c>
    </row>
    <row r="299" spans="1:6" ht="24" x14ac:dyDescent="0.25">
      <c r="A299" s="15" t="s">
        <v>40</v>
      </c>
      <c r="B299" s="20" t="s">
        <v>762</v>
      </c>
      <c r="C299" s="16" t="s">
        <v>764</v>
      </c>
      <c r="D299" s="16" t="s">
        <v>763</v>
      </c>
      <c r="E299" s="16"/>
      <c r="F299" s="16" t="s">
        <v>679</v>
      </c>
    </row>
    <row r="300" spans="1:6" ht="36.75" thickBot="1" x14ac:dyDescent="0.3">
      <c r="A300" s="22" t="s">
        <v>40</v>
      </c>
      <c r="B300" s="23" t="s">
        <v>762</v>
      </c>
      <c r="C300" s="24" t="s">
        <v>761</v>
      </c>
      <c r="D300" s="24" t="s">
        <v>760</v>
      </c>
      <c r="E300" s="24"/>
      <c r="F300" s="16" t="s">
        <v>679</v>
      </c>
    </row>
    <row r="301" spans="1:6" ht="109.5" thickTop="1" thickBot="1" x14ac:dyDescent="0.3">
      <c r="A301" s="28" t="s">
        <v>41</v>
      </c>
      <c r="B301" s="29" t="s">
        <v>759</v>
      </c>
      <c r="C301" s="30"/>
      <c r="D301" s="30"/>
      <c r="E301" s="30"/>
      <c r="F301" s="16" t="s">
        <v>679</v>
      </c>
    </row>
    <row r="302" spans="1:6" ht="24.75" thickTop="1" x14ac:dyDescent="0.25">
      <c r="A302" s="25" t="s">
        <v>42</v>
      </c>
      <c r="B302" s="26" t="s">
        <v>731</v>
      </c>
      <c r="C302" s="27" t="s">
        <v>758</v>
      </c>
      <c r="D302" s="27" t="s">
        <v>757</v>
      </c>
      <c r="E302" s="27" t="s">
        <v>756</v>
      </c>
      <c r="F302" s="16" t="s">
        <v>679</v>
      </c>
    </row>
    <row r="303" spans="1:6" ht="24" x14ac:dyDescent="0.25">
      <c r="A303" s="15" t="s">
        <v>42</v>
      </c>
      <c r="B303" s="20" t="s">
        <v>731</v>
      </c>
      <c r="C303" s="16" t="s">
        <v>755</v>
      </c>
      <c r="D303" s="16" t="s">
        <v>754</v>
      </c>
      <c r="E303" s="16" t="s">
        <v>753</v>
      </c>
      <c r="F303" s="16" t="s">
        <v>679</v>
      </c>
    </row>
    <row r="304" spans="1:6" ht="24" x14ac:dyDescent="0.25">
      <c r="A304" s="15" t="s">
        <v>42</v>
      </c>
      <c r="B304" s="20" t="s">
        <v>731</v>
      </c>
      <c r="C304" s="16" t="s">
        <v>752</v>
      </c>
      <c r="D304" s="16" t="s">
        <v>751</v>
      </c>
      <c r="E304" s="16" t="s">
        <v>750</v>
      </c>
      <c r="F304" s="16" t="s">
        <v>679</v>
      </c>
    </row>
    <row r="305" spans="1:6" ht="24" x14ac:dyDescent="0.25">
      <c r="A305" s="15" t="s">
        <v>42</v>
      </c>
      <c r="B305" s="20" t="s">
        <v>731</v>
      </c>
      <c r="C305" s="16" t="s">
        <v>749</v>
      </c>
      <c r="D305" s="16" t="s">
        <v>748</v>
      </c>
      <c r="E305" s="16" t="s">
        <v>747</v>
      </c>
      <c r="F305" s="16" t="s">
        <v>679</v>
      </c>
    </row>
    <row r="306" spans="1:6" ht="24" x14ac:dyDescent="0.25">
      <c r="A306" s="15" t="s">
        <v>42</v>
      </c>
      <c r="B306" s="20" t="s">
        <v>731</v>
      </c>
      <c r="C306" s="16" t="s">
        <v>746</v>
      </c>
      <c r="D306" s="16" t="s">
        <v>745</v>
      </c>
      <c r="E306" s="16" t="s">
        <v>744</v>
      </c>
      <c r="F306" s="16" t="s">
        <v>679</v>
      </c>
    </row>
    <row r="307" spans="1:6" ht="24" x14ac:dyDescent="0.25">
      <c r="A307" s="15" t="s">
        <v>42</v>
      </c>
      <c r="B307" s="20" t="s">
        <v>731</v>
      </c>
      <c r="C307" s="16" t="s">
        <v>743</v>
      </c>
      <c r="D307" s="16" t="s">
        <v>742</v>
      </c>
      <c r="E307" s="16" t="s">
        <v>741</v>
      </c>
      <c r="F307" s="16" t="s">
        <v>679</v>
      </c>
    </row>
    <row r="308" spans="1:6" ht="24" x14ac:dyDescent="0.25">
      <c r="A308" s="15" t="s">
        <v>42</v>
      </c>
      <c r="B308" s="20" t="s">
        <v>731</v>
      </c>
      <c r="C308" s="16" t="s">
        <v>740</v>
      </c>
      <c r="D308" s="16" t="s">
        <v>739</v>
      </c>
      <c r="E308" s="16" t="s">
        <v>738</v>
      </c>
      <c r="F308" s="16" t="s">
        <v>679</v>
      </c>
    </row>
    <row r="309" spans="1:6" ht="24" x14ac:dyDescent="0.25">
      <c r="A309" s="15" t="s">
        <v>42</v>
      </c>
      <c r="B309" s="20" t="s">
        <v>731</v>
      </c>
      <c r="C309" s="16" t="s">
        <v>737</v>
      </c>
      <c r="D309" s="16" t="s">
        <v>736</v>
      </c>
      <c r="E309" s="16" t="s">
        <v>735</v>
      </c>
      <c r="F309" s="16" t="s">
        <v>679</v>
      </c>
    </row>
    <row r="310" spans="1:6" ht="24" x14ac:dyDescent="0.25">
      <c r="A310" s="15" t="s">
        <v>42</v>
      </c>
      <c r="B310" s="20" t="s">
        <v>731</v>
      </c>
      <c r="C310" s="16" t="s">
        <v>734</v>
      </c>
      <c r="D310" s="16" t="s">
        <v>733</v>
      </c>
      <c r="E310" s="16" t="s">
        <v>732</v>
      </c>
      <c r="F310" s="16" t="s">
        <v>679</v>
      </c>
    </row>
    <row r="311" spans="1:6" ht="24.75" thickBot="1" x14ac:dyDescent="0.3">
      <c r="A311" s="22" t="s">
        <v>42</v>
      </c>
      <c r="B311" s="23" t="s">
        <v>731</v>
      </c>
      <c r="C311" s="24" t="s">
        <v>730</v>
      </c>
      <c r="D311" s="24" t="s">
        <v>729</v>
      </c>
      <c r="E311" s="24" t="s">
        <v>728</v>
      </c>
      <c r="F311" s="16" t="s">
        <v>679</v>
      </c>
    </row>
    <row r="312" spans="1:6" ht="25.5" thickTop="1" thickBot="1" x14ac:dyDescent="0.3">
      <c r="A312" s="28" t="s">
        <v>43</v>
      </c>
      <c r="B312" s="29" t="s">
        <v>727</v>
      </c>
      <c r="C312" s="30"/>
      <c r="D312" s="30"/>
      <c r="E312" s="30"/>
      <c r="F312" s="16" t="s">
        <v>679</v>
      </c>
    </row>
    <row r="313" spans="1:6" ht="24.75" thickTop="1" x14ac:dyDescent="0.25">
      <c r="A313" s="25" t="s">
        <v>44</v>
      </c>
      <c r="B313" s="26" t="s">
        <v>700</v>
      </c>
      <c r="C313" s="27" t="s">
        <v>120</v>
      </c>
      <c r="D313" s="27" t="s">
        <v>726</v>
      </c>
      <c r="E313" s="27"/>
      <c r="F313" s="16" t="s">
        <v>679</v>
      </c>
    </row>
    <row r="314" spans="1:6" ht="24" x14ac:dyDescent="0.25">
      <c r="A314" s="15" t="s">
        <v>44</v>
      </c>
      <c r="B314" s="20" t="s">
        <v>700</v>
      </c>
      <c r="C314" s="16" t="s">
        <v>725</v>
      </c>
      <c r="D314" s="16" t="s">
        <v>724</v>
      </c>
      <c r="E314" s="16"/>
      <c r="F314" s="16" t="s">
        <v>679</v>
      </c>
    </row>
    <row r="315" spans="1:6" ht="24" x14ac:dyDescent="0.25">
      <c r="A315" s="15" t="s">
        <v>44</v>
      </c>
      <c r="B315" s="20" t="s">
        <v>700</v>
      </c>
      <c r="C315" s="16" t="s">
        <v>723</v>
      </c>
      <c r="D315" s="16" t="s">
        <v>722</v>
      </c>
      <c r="E315" s="16"/>
      <c r="F315" s="16" t="s">
        <v>679</v>
      </c>
    </row>
    <row r="316" spans="1:6" ht="24" x14ac:dyDescent="0.25">
      <c r="A316" s="15" t="s">
        <v>44</v>
      </c>
      <c r="B316" s="20" t="s">
        <v>700</v>
      </c>
      <c r="C316" s="16" t="s">
        <v>721</v>
      </c>
      <c r="D316" s="16" t="s">
        <v>720</v>
      </c>
      <c r="E316" s="16"/>
      <c r="F316" s="16" t="s">
        <v>679</v>
      </c>
    </row>
    <row r="317" spans="1:6" ht="24" x14ac:dyDescent="0.25">
      <c r="A317" s="15" t="s">
        <v>44</v>
      </c>
      <c r="B317" s="20" t="s">
        <v>700</v>
      </c>
      <c r="C317" s="16" t="s">
        <v>419</v>
      </c>
      <c r="D317" s="16" t="s">
        <v>719</v>
      </c>
      <c r="E317" s="16"/>
      <c r="F317" s="16" t="s">
        <v>679</v>
      </c>
    </row>
    <row r="318" spans="1:6" ht="24" x14ac:dyDescent="0.25">
      <c r="A318" s="15" t="s">
        <v>44</v>
      </c>
      <c r="B318" s="20" t="s">
        <v>700</v>
      </c>
      <c r="C318" s="16" t="s">
        <v>718</v>
      </c>
      <c r="D318" s="16" t="s">
        <v>717</v>
      </c>
      <c r="E318" s="16"/>
      <c r="F318" s="16" t="s">
        <v>679</v>
      </c>
    </row>
    <row r="319" spans="1:6" ht="24" x14ac:dyDescent="0.25">
      <c r="A319" s="15" t="s">
        <v>44</v>
      </c>
      <c r="B319" s="20" t="s">
        <v>700</v>
      </c>
      <c r="C319" s="16" t="s">
        <v>716</v>
      </c>
      <c r="D319" s="16" t="s">
        <v>715</v>
      </c>
      <c r="E319" s="16"/>
      <c r="F319" s="16" t="s">
        <v>679</v>
      </c>
    </row>
    <row r="320" spans="1:6" ht="24" x14ac:dyDescent="0.25">
      <c r="A320" s="15" t="s">
        <v>44</v>
      </c>
      <c r="B320" s="20" t="s">
        <v>700</v>
      </c>
      <c r="C320" s="16" t="s">
        <v>714</v>
      </c>
      <c r="D320" s="16" t="s">
        <v>713</v>
      </c>
      <c r="E320" s="16"/>
      <c r="F320" s="16" t="s">
        <v>679</v>
      </c>
    </row>
    <row r="321" spans="1:6" ht="24" x14ac:dyDescent="0.25">
      <c r="A321" s="15" t="s">
        <v>44</v>
      </c>
      <c r="B321" s="20" t="s">
        <v>700</v>
      </c>
      <c r="C321" s="16" t="s">
        <v>101</v>
      </c>
      <c r="D321" s="16" t="s">
        <v>712</v>
      </c>
      <c r="E321" s="16"/>
      <c r="F321" s="16" t="s">
        <v>679</v>
      </c>
    </row>
    <row r="322" spans="1:6" ht="24" x14ac:dyDescent="0.25">
      <c r="A322" s="15" t="s">
        <v>44</v>
      </c>
      <c r="B322" s="20" t="s">
        <v>700</v>
      </c>
      <c r="C322" s="16" t="s">
        <v>711</v>
      </c>
      <c r="D322" s="16" t="s">
        <v>710</v>
      </c>
      <c r="E322" s="16"/>
      <c r="F322" s="16" t="s">
        <v>679</v>
      </c>
    </row>
    <row r="323" spans="1:6" ht="24" x14ac:dyDescent="0.25">
      <c r="A323" s="15" t="s">
        <v>44</v>
      </c>
      <c r="B323" s="20" t="s">
        <v>700</v>
      </c>
      <c r="C323" s="16" t="s">
        <v>709</v>
      </c>
      <c r="D323" s="16" t="s">
        <v>708</v>
      </c>
      <c r="E323" s="16"/>
      <c r="F323" s="16" t="s">
        <v>679</v>
      </c>
    </row>
    <row r="324" spans="1:6" ht="24" x14ac:dyDescent="0.25">
      <c r="A324" s="15" t="s">
        <v>44</v>
      </c>
      <c r="B324" s="20" t="s">
        <v>700</v>
      </c>
      <c r="C324" s="16" t="s">
        <v>707</v>
      </c>
      <c r="D324" s="16" t="s">
        <v>706</v>
      </c>
      <c r="E324" s="16"/>
      <c r="F324" s="16" t="s">
        <v>679</v>
      </c>
    </row>
    <row r="325" spans="1:6" ht="24" x14ac:dyDescent="0.25">
      <c r="A325" s="15" t="s">
        <v>44</v>
      </c>
      <c r="B325" s="20" t="s">
        <v>700</v>
      </c>
      <c r="C325" s="16" t="s">
        <v>163</v>
      </c>
      <c r="D325" s="16" t="s">
        <v>705</v>
      </c>
      <c r="E325" s="16"/>
      <c r="F325" s="16" t="s">
        <v>679</v>
      </c>
    </row>
    <row r="326" spans="1:6" ht="24" x14ac:dyDescent="0.25">
      <c r="A326" s="15" t="s">
        <v>44</v>
      </c>
      <c r="B326" s="20" t="s">
        <v>700</v>
      </c>
      <c r="C326" s="16" t="s">
        <v>704</v>
      </c>
      <c r="D326" s="16" t="s">
        <v>703</v>
      </c>
      <c r="E326" s="16"/>
      <c r="F326" s="16" t="s">
        <v>679</v>
      </c>
    </row>
    <row r="327" spans="1:6" ht="24" x14ac:dyDescent="0.25">
      <c r="A327" s="15" t="s">
        <v>44</v>
      </c>
      <c r="B327" s="20" t="s">
        <v>700</v>
      </c>
      <c r="C327" s="16" t="s">
        <v>702</v>
      </c>
      <c r="D327" s="16" t="s">
        <v>701</v>
      </c>
      <c r="E327" s="16"/>
      <c r="F327" s="16" t="s">
        <v>679</v>
      </c>
    </row>
    <row r="328" spans="1:6" ht="24.75" thickBot="1" x14ac:dyDescent="0.3">
      <c r="A328" s="22" t="s">
        <v>44</v>
      </c>
      <c r="B328" s="23" t="s">
        <v>700</v>
      </c>
      <c r="C328" s="24" t="s">
        <v>699</v>
      </c>
      <c r="D328" s="24" t="s">
        <v>698</v>
      </c>
      <c r="E328" s="24"/>
      <c r="F328" s="16" t="s">
        <v>679</v>
      </c>
    </row>
    <row r="329" spans="1:6" ht="25.5" thickTop="1" thickBot="1" x14ac:dyDescent="0.3">
      <c r="A329" s="28" t="s">
        <v>45</v>
      </c>
      <c r="B329" s="29" t="s">
        <v>697</v>
      </c>
      <c r="C329" s="30"/>
      <c r="D329" s="30"/>
      <c r="E329" s="30"/>
      <c r="F329" s="16" t="s">
        <v>679</v>
      </c>
    </row>
    <row r="330" spans="1:6" ht="36.75" thickTop="1" x14ac:dyDescent="0.25">
      <c r="A330" s="25" t="s">
        <v>46</v>
      </c>
      <c r="B330" s="26" t="s">
        <v>687</v>
      </c>
      <c r="C330" s="27" t="s">
        <v>696</v>
      </c>
      <c r="D330" s="27" t="s">
        <v>695</v>
      </c>
      <c r="E330" s="27" t="s">
        <v>694</v>
      </c>
      <c r="F330" s="16" t="s">
        <v>679</v>
      </c>
    </row>
    <row r="331" spans="1:6" ht="36" x14ac:dyDescent="0.25">
      <c r="A331" s="15" t="s">
        <v>46</v>
      </c>
      <c r="B331" s="20" t="s">
        <v>687</v>
      </c>
      <c r="C331" s="16" t="s">
        <v>693</v>
      </c>
      <c r="D331" s="16" t="s">
        <v>692</v>
      </c>
      <c r="E331" s="16" t="s">
        <v>691</v>
      </c>
      <c r="F331" s="16" t="s">
        <v>679</v>
      </c>
    </row>
    <row r="332" spans="1:6" ht="36" x14ac:dyDescent="0.25">
      <c r="A332" s="15" t="s">
        <v>46</v>
      </c>
      <c r="B332" s="20" t="s">
        <v>687</v>
      </c>
      <c r="C332" s="16" t="s">
        <v>690</v>
      </c>
      <c r="D332" s="16" t="s">
        <v>689</v>
      </c>
      <c r="E332" s="16" t="s">
        <v>688</v>
      </c>
      <c r="F332" s="16" t="s">
        <v>679</v>
      </c>
    </row>
    <row r="333" spans="1:6" ht="24.75" thickBot="1" x14ac:dyDescent="0.3">
      <c r="A333" s="22" t="s">
        <v>46</v>
      </c>
      <c r="B333" s="23" t="s">
        <v>687</v>
      </c>
      <c r="C333" s="24" t="s">
        <v>686</v>
      </c>
      <c r="D333" s="24" t="s">
        <v>685</v>
      </c>
      <c r="E333" s="24" t="s">
        <v>684</v>
      </c>
      <c r="F333" s="16" t="s">
        <v>679</v>
      </c>
    </row>
    <row r="334" spans="1:6" ht="25.5" thickTop="1" thickBot="1" x14ac:dyDescent="0.3">
      <c r="A334" s="28" t="s">
        <v>47</v>
      </c>
      <c r="B334" s="29" t="s">
        <v>683</v>
      </c>
      <c r="C334" s="30"/>
      <c r="D334" s="30"/>
      <c r="E334" s="30"/>
      <c r="F334" s="16" t="s">
        <v>679</v>
      </c>
    </row>
    <row r="335" spans="1:6" ht="49.5" thickTop="1" thickBot="1" x14ac:dyDescent="0.3">
      <c r="A335" s="28" t="s">
        <v>48</v>
      </c>
      <c r="B335" s="29" t="s">
        <v>682</v>
      </c>
      <c r="C335" s="30"/>
      <c r="D335" s="30"/>
      <c r="E335" s="30"/>
      <c r="F335" s="16" t="s">
        <v>679</v>
      </c>
    </row>
    <row r="336" spans="1:6" ht="49.5" thickTop="1" thickBot="1" x14ac:dyDescent="0.3">
      <c r="A336" s="28" t="s">
        <v>49</v>
      </c>
      <c r="B336" s="29" t="s">
        <v>681</v>
      </c>
      <c r="C336" s="30"/>
      <c r="D336" s="30"/>
      <c r="E336" s="30"/>
      <c r="F336" s="16" t="s">
        <v>679</v>
      </c>
    </row>
    <row r="337" spans="1:6" ht="85.5" thickTop="1" thickBot="1" x14ac:dyDescent="0.3">
      <c r="A337" s="28" t="s">
        <v>50</v>
      </c>
      <c r="B337" s="29" t="s">
        <v>680</v>
      </c>
      <c r="C337" s="30"/>
      <c r="D337" s="30"/>
      <c r="E337" s="30"/>
      <c r="F337" s="16" t="s">
        <v>679</v>
      </c>
    </row>
    <row r="338" spans="1:6" ht="121.5" thickTop="1" thickBot="1" x14ac:dyDescent="0.3">
      <c r="A338" s="28" t="s">
        <v>4</v>
      </c>
      <c r="B338" s="29" t="s">
        <v>678</v>
      </c>
      <c r="C338" s="30"/>
      <c r="D338" s="30"/>
      <c r="E338" s="30"/>
      <c r="F338" s="16" t="s">
        <v>677</v>
      </c>
    </row>
    <row r="339" spans="1:6" ht="229.5" thickTop="1" thickBot="1" x14ac:dyDescent="0.3">
      <c r="A339" s="28" t="s">
        <v>6</v>
      </c>
      <c r="B339" s="29" t="s">
        <v>676</v>
      </c>
      <c r="C339" s="30"/>
      <c r="D339" s="30"/>
      <c r="E339" s="30"/>
      <c r="F339" s="16" t="s">
        <v>675</v>
      </c>
    </row>
    <row r="340" spans="1:6" ht="109.5" thickTop="1" thickBot="1" x14ac:dyDescent="0.3">
      <c r="A340" s="28" t="s">
        <v>674</v>
      </c>
      <c r="B340" s="29" t="s">
        <v>673</v>
      </c>
      <c r="C340" s="30"/>
      <c r="D340" s="30"/>
      <c r="E340" s="30"/>
      <c r="F340" s="16" t="s">
        <v>313</v>
      </c>
    </row>
    <row r="341" spans="1:6" ht="36.75" thickTop="1" x14ac:dyDescent="0.25">
      <c r="A341" s="25" t="s">
        <v>672</v>
      </c>
      <c r="B341" s="26" t="s">
        <v>1439</v>
      </c>
      <c r="C341" s="27" t="s">
        <v>1440</v>
      </c>
      <c r="D341" s="27" t="s">
        <v>679</v>
      </c>
      <c r="E341" s="27" t="s">
        <v>1441</v>
      </c>
      <c r="F341" s="16" t="s">
        <v>313</v>
      </c>
    </row>
    <row r="342" spans="1:6" ht="24" x14ac:dyDescent="0.25">
      <c r="A342" s="35" t="s">
        <v>672</v>
      </c>
      <c r="B342" s="36" t="s">
        <v>1442</v>
      </c>
      <c r="C342" s="37" t="s">
        <v>277</v>
      </c>
      <c r="D342" s="37" t="s">
        <v>1443</v>
      </c>
      <c r="E342" s="37" t="s">
        <v>1447</v>
      </c>
      <c r="F342" s="16" t="s">
        <v>313</v>
      </c>
    </row>
    <row r="343" spans="1:6" ht="24" x14ac:dyDescent="0.25">
      <c r="A343" s="35" t="s">
        <v>672</v>
      </c>
      <c r="B343" s="36" t="s">
        <v>1442</v>
      </c>
      <c r="C343" s="37" t="s">
        <v>1444</v>
      </c>
      <c r="D343" s="37" t="s">
        <v>83</v>
      </c>
      <c r="E343" s="37" t="s">
        <v>1448</v>
      </c>
      <c r="F343" s="16" t="s">
        <v>313</v>
      </c>
    </row>
    <row r="344" spans="1:6" ht="24.75" thickBot="1" x14ac:dyDescent="0.3">
      <c r="A344" s="22" t="s">
        <v>672</v>
      </c>
      <c r="B344" s="23" t="s">
        <v>1442</v>
      </c>
      <c r="C344" s="24" t="s">
        <v>1445</v>
      </c>
      <c r="D344" s="24" t="s">
        <v>1446</v>
      </c>
      <c r="E344" s="24" t="s">
        <v>1449</v>
      </c>
      <c r="F344" s="16" t="s">
        <v>313</v>
      </c>
    </row>
    <row r="345" spans="1:6" ht="25.5" thickTop="1" thickBot="1" x14ac:dyDescent="0.3">
      <c r="A345" s="28" t="s">
        <v>671</v>
      </c>
      <c r="B345" s="29" t="s">
        <v>670</v>
      </c>
      <c r="C345" s="30"/>
      <c r="D345" s="30"/>
      <c r="E345" s="30"/>
      <c r="F345" s="16" t="s">
        <v>313</v>
      </c>
    </row>
    <row r="346" spans="1:6" ht="25.5" thickTop="1" thickBot="1" x14ac:dyDescent="0.3">
      <c r="A346" s="28" t="s">
        <v>51</v>
      </c>
      <c r="B346" s="29" t="s">
        <v>669</v>
      </c>
      <c r="C346" s="30"/>
      <c r="D346" s="30"/>
      <c r="E346" s="30"/>
      <c r="F346" s="16" t="s">
        <v>313</v>
      </c>
    </row>
    <row r="347" spans="1:6" ht="25.5" thickTop="1" thickBot="1" x14ac:dyDescent="0.3">
      <c r="A347" s="28" t="s">
        <v>52</v>
      </c>
      <c r="B347" s="29" t="s">
        <v>668</v>
      </c>
      <c r="C347" s="30"/>
      <c r="D347" s="30"/>
      <c r="E347" s="30"/>
      <c r="F347" s="16" t="s">
        <v>313</v>
      </c>
    </row>
    <row r="348" spans="1:6" ht="25.5" thickTop="1" thickBot="1" x14ac:dyDescent="0.3">
      <c r="A348" s="28" t="s">
        <v>53</v>
      </c>
      <c r="B348" s="29" t="s">
        <v>667</v>
      </c>
      <c r="C348" s="30"/>
      <c r="D348" s="30"/>
      <c r="E348" s="30"/>
      <c r="F348" s="16" t="s">
        <v>313</v>
      </c>
    </row>
    <row r="349" spans="1:6" ht="25.5" thickTop="1" thickBot="1" x14ac:dyDescent="0.3">
      <c r="A349" s="28" t="s">
        <v>666</v>
      </c>
      <c r="B349" s="29" t="s">
        <v>665</v>
      </c>
      <c r="C349" s="30"/>
      <c r="D349" s="30"/>
      <c r="E349" s="30"/>
      <c r="F349" s="16" t="s">
        <v>313</v>
      </c>
    </row>
    <row r="350" spans="1:6" ht="37.5" thickTop="1" thickBot="1" x14ac:dyDescent="0.3">
      <c r="A350" s="28" t="s">
        <v>54</v>
      </c>
      <c r="B350" s="29" t="s">
        <v>664</v>
      </c>
      <c r="C350" s="30"/>
      <c r="D350" s="30"/>
      <c r="E350" s="30"/>
      <c r="F350" s="16" t="s">
        <v>313</v>
      </c>
    </row>
    <row r="351" spans="1:6" ht="49.5" thickTop="1" thickBot="1" x14ac:dyDescent="0.3">
      <c r="A351" s="28" t="s">
        <v>55</v>
      </c>
      <c r="B351" s="29" t="s">
        <v>663</v>
      </c>
      <c r="C351" s="30"/>
      <c r="D351" s="30"/>
      <c r="E351" s="30"/>
      <c r="F351" s="16" t="s">
        <v>313</v>
      </c>
    </row>
    <row r="352" spans="1:6" ht="13.5" thickTop="1" thickBot="1" x14ac:dyDescent="0.3">
      <c r="A352" s="28" t="s">
        <v>662</v>
      </c>
      <c r="B352" s="29" t="s">
        <v>661</v>
      </c>
      <c r="C352" s="30"/>
      <c r="D352" s="30"/>
      <c r="E352" s="30"/>
      <c r="F352" s="16" t="s">
        <v>313</v>
      </c>
    </row>
    <row r="353" spans="1:6" ht="37.5" thickTop="1" thickBot="1" x14ac:dyDescent="0.3">
      <c r="A353" s="28" t="s">
        <v>28</v>
      </c>
      <c r="B353" s="29" t="s">
        <v>660</v>
      </c>
      <c r="C353" s="30"/>
      <c r="D353" s="30"/>
      <c r="E353" s="30"/>
      <c r="F353" s="16" t="s">
        <v>313</v>
      </c>
    </row>
    <row r="354" spans="1:6" ht="85.5" thickTop="1" thickBot="1" x14ac:dyDescent="0.3">
      <c r="A354" s="28" t="s">
        <v>29</v>
      </c>
      <c r="B354" s="29" t="s">
        <v>659</v>
      </c>
      <c r="C354" s="30"/>
      <c r="D354" s="30"/>
      <c r="E354" s="30"/>
      <c r="F354" s="16" t="s">
        <v>313</v>
      </c>
    </row>
    <row r="355" spans="1:6" ht="85.5" thickTop="1" thickBot="1" x14ac:dyDescent="0.3">
      <c r="A355" s="28" t="s">
        <v>30</v>
      </c>
      <c r="B355" s="29" t="s">
        <v>658</v>
      </c>
      <c r="C355" s="30"/>
      <c r="D355" s="30"/>
      <c r="E355" s="30"/>
      <c r="F355" s="16" t="s">
        <v>313</v>
      </c>
    </row>
    <row r="356" spans="1:6" ht="49.5" thickTop="1" thickBot="1" x14ac:dyDescent="0.3">
      <c r="A356" s="28" t="s">
        <v>31</v>
      </c>
      <c r="B356" s="29" t="s">
        <v>657</v>
      </c>
      <c r="C356" s="30"/>
      <c r="D356" s="30"/>
      <c r="E356" s="30"/>
      <c r="F356" s="16" t="s">
        <v>313</v>
      </c>
    </row>
    <row r="357" spans="1:6" ht="49.5" thickTop="1" thickBot="1" x14ac:dyDescent="0.3">
      <c r="A357" s="28" t="s">
        <v>32</v>
      </c>
      <c r="B357" s="29" t="s">
        <v>656</v>
      </c>
      <c r="C357" s="30"/>
      <c r="D357" s="30"/>
      <c r="E357" s="30"/>
      <c r="F357" s="16" t="s">
        <v>313</v>
      </c>
    </row>
    <row r="358" spans="1:6" ht="49.5" thickTop="1" thickBot="1" x14ac:dyDescent="0.3">
      <c r="A358" s="28" t="s">
        <v>33</v>
      </c>
      <c r="B358" s="29" t="s">
        <v>655</v>
      </c>
      <c r="C358" s="30"/>
      <c r="D358" s="30"/>
      <c r="E358" s="30"/>
      <c r="F358" s="16" t="s">
        <v>313</v>
      </c>
    </row>
    <row r="359" spans="1:6" ht="49.5" thickTop="1" thickBot="1" x14ac:dyDescent="0.3">
      <c r="A359" s="28" t="s">
        <v>56</v>
      </c>
      <c r="B359" s="29" t="s">
        <v>654</v>
      </c>
      <c r="C359" s="30"/>
      <c r="D359" s="30"/>
      <c r="E359" s="30"/>
      <c r="F359" s="16" t="s">
        <v>313</v>
      </c>
    </row>
    <row r="360" spans="1:6" ht="205.5" thickTop="1" thickBot="1" x14ac:dyDescent="0.3">
      <c r="A360" s="28" t="s">
        <v>57</v>
      </c>
      <c r="B360" s="29" t="s">
        <v>1434</v>
      </c>
      <c r="C360" s="30"/>
      <c r="D360" s="30"/>
      <c r="E360" s="30"/>
      <c r="F360" s="16" t="s">
        <v>313</v>
      </c>
    </row>
    <row r="361" spans="1:6" ht="37.5" thickTop="1" thickBot="1" x14ac:dyDescent="0.3">
      <c r="A361" s="28" t="s">
        <v>1428</v>
      </c>
      <c r="B361" s="29" t="s">
        <v>653</v>
      </c>
      <c r="C361" s="30"/>
      <c r="D361" s="30"/>
      <c r="E361" s="30"/>
      <c r="F361" s="16" t="s">
        <v>313</v>
      </c>
    </row>
    <row r="362" spans="1:6" ht="73.5" thickTop="1" thickBot="1" x14ac:dyDescent="0.3">
      <c r="A362" s="28" t="s">
        <v>652</v>
      </c>
      <c r="B362" s="29" t="s">
        <v>651</v>
      </c>
      <c r="C362" s="30"/>
      <c r="D362" s="30"/>
      <c r="E362" s="30"/>
      <c r="F362" s="16" t="s">
        <v>313</v>
      </c>
    </row>
    <row r="363" spans="1:6" ht="97.5" thickTop="1" thickBot="1" x14ac:dyDescent="0.3">
      <c r="A363" s="28" t="s">
        <v>650</v>
      </c>
      <c r="B363" s="29" t="s">
        <v>649</v>
      </c>
      <c r="C363" s="30"/>
      <c r="D363" s="30"/>
      <c r="E363" s="30"/>
      <c r="F363" s="16" t="s">
        <v>313</v>
      </c>
    </row>
    <row r="364" spans="1:6" ht="24.75" thickTop="1" x14ac:dyDescent="0.25">
      <c r="A364" s="25" t="s">
        <v>617</v>
      </c>
      <c r="B364" s="26" t="s">
        <v>616</v>
      </c>
      <c r="C364" s="27" t="s">
        <v>337</v>
      </c>
      <c r="D364" s="27" t="s">
        <v>648</v>
      </c>
      <c r="E364" s="27" t="s">
        <v>647</v>
      </c>
      <c r="F364" s="16" t="s">
        <v>313</v>
      </c>
    </row>
    <row r="365" spans="1:6" ht="24" x14ac:dyDescent="0.25">
      <c r="A365" s="15" t="s">
        <v>617</v>
      </c>
      <c r="B365" s="20" t="s">
        <v>616</v>
      </c>
      <c r="C365" s="16" t="s">
        <v>419</v>
      </c>
      <c r="D365" s="16" t="s">
        <v>646</v>
      </c>
      <c r="E365" s="16" t="s">
        <v>645</v>
      </c>
      <c r="F365" s="16" t="s">
        <v>313</v>
      </c>
    </row>
    <row r="366" spans="1:6" ht="24" x14ac:dyDescent="0.25">
      <c r="A366" s="15" t="s">
        <v>617</v>
      </c>
      <c r="B366" s="20" t="s">
        <v>616</v>
      </c>
      <c r="C366" s="16" t="s">
        <v>118</v>
      </c>
      <c r="D366" s="16" t="s">
        <v>644</v>
      </c>
      <c r="E366" s="16" t="s">
        <v>643</v>
      </c>
      <c r="F366" s="16" t="s">
        <v>313</v>
      </c>
    </row>
    <row r="367" spans="1:6" ht="24" x14ac:dyDescent="0.25">
      <c r="A367" s="15" t="s">
        <v>617</v>
      </c>
      <c r="B367" s="20" t="s">
        <v>616</v>
      </c>
      <c r="C367" s="16" t="s">
        <v>642</v>
      </c>
      <c r="D367" s="16" t="s">
        <v>641</v>
      </c>
      <c r="E367" s="16" t="s">
        <v>640</v>
      </c>
      <c r="F367" s="16" t="s">
        <v>313</v>
      </c>
    </row>
    <row r="368" spans="1:6" ht="24" x14ac:dyDescent="0.25">
      <c r="A368" s="15" t="s">
        <v>617</v>
      </c>
      <c r="B368" s="20" t="s">
        <v>616</v>
      </c>
      <c r="C368" s="16" t="s">
        <v>639</v>
      </c>
      <c r="D368" s="16" t="s">
        <v>638</v>
      </c>
      <c r="E368" s="16" t="s">
        <v>637</v>
      </c>
      <c r="F368" s="16" t="s">
        <v>313</v>
      </c>
    </row>
    <row r="369" spans="1:6" ht="24" x14ac:dyDescent="0.25">
      <c r="A369" s="15" t="s">
        <v>617</v>
      </c>
      <c r="B369" s="20" t="s">
        <v>616</v>
      </c>
      <c r="C369" s="16" t="s">
        <v>415</v>
      </c>
      <c r="D369" s="16" t="s">
        <v>636</v>
      </c>
      <c r="E369" s="16" t="s">
        <v>635</v>
      </c>
      <c r="F369" s="16" t="s">
        <v>313</v>
      </c>
    </row>
    <row r="370" spans="1:6" ht="24" x14ac:dyDescent="0.25">
      <c r="A370" s="15" t="s">
        <v>617</v>
      </c>
      <c r="B370" s="20" t="s">
        <v>616</v>
      </c>
      <c r="C370" s="16" t="s">
        <v>331</v>
      </c>
      <c r="D370" s="16" t="s">
        <v>634</v>
      </c>
      <c r="E370" s="16" t="s">
        <v>633</v>
      </c>
      <c r="F370" s="16" t="s">
        <v>313</v>
      </c>
    </row>
    <row r="371" spans="1:6" ht="24" x14ac:dyDescent="0.25">
      <c r="A371" s="15" t="s">
        <v>617</v>
      </c>
      <c r="B371" s="20" t="s">
        <v>616</v>
      </c>
      <c r="C371" s="16" t="s">
        <v>115</v>
      </c>
      <c r="D371" s="16" t="s">
        <v>632</v>
      </c>
      <c r="E371" s="16" t="s">
        <v>631</v>
      </c>
      <c r="F371" s="16" t="s">
        <v>313</v>
      </c>
    </row>
    <row r="372" spans="1:6" ht="24" x14ac:dyDescent="0.25">
      <c r="A372" s="15" t="s">
        <v>617</v>
      </c>
      <c r="B372" s="20" t="s">
        <v>616</v>
      </c>
      <c r="C372" s="16" t="s">
        <v>630</v>
      </c>
      <c r="D372" s="16" t="s">
        <v>629</v>
      </c>
      <c r="E372" s="16" t="s">
        <v>628</v>
      </c>
      <c r="F372" s="16" t="s">
        <v>313</v>
      </c>
    </row>
    <row r="373" spans="1:6" ht="24" x14ac:dyDescent="0.25">
      <c r="A373" s="15" t="s">
        <v>617</v>
      </c>
      <c r="B373" s="20" t="s">
        <v>616</v>
      </c>
      <c r="C373" s="16" t="s">
        <v>335</v>
      </c>
      <c r="D373" s="16" t="s">
        <v>627</v>
      </c>
      <c r="E373" s="16" t="s">
        <v>626</v>
      </c>
      <c r="F373" s="16" t="s">
        <v>313</v>
      </c>
    </row>
    <row r="374" spans="1:6" ht="24" x14ac:dyDescent="0.25">
      <c r="A374" s="15" t="s">
        <v>617</v>
      </c>
      <c r="B374" s="20" t="s">
        <v>616</v>
      </c>
      <c r="C374" s="16" t="s">
        <v>101</v>
      </c>
      <c r="D374" s="16" t="s">
        <v>625</v>
      </c>
      <c r="E374" s="16" t="s">
        <v>624</v>
      </c>
      <c r="F374" s="16" t="s">
        <v>313</v>
      </c>
    </row>
    <row r="375" spans="1:6" ht="24" x14ac:dyDescent="0.25">
      <c r="A375" s="15" t="s">
        <v>617</v>
      </c>
      <c r="B375" s="20" t="s">
        <v>616</v>
      </c>
      <c r="C375" s="16" t="s">
        <v>623</v>
      </c>
      <c r="D375" s="16" t="s">
        <v>622</v>
      </c>
      <c r="E375" s="16" t="s">
        <v>621</v>
      </c>
      <c r="F375" s="16" t="s">
        <v>313</v>
      </c>
    </row>
    <row r="376" spans="1:6" ht="24" x14ac:dyDescent="0.25">
      <c r="A376" s="15" t="s">
        <v>617</v>
      </c>
      <c r="B376" s="20" t="s">
        <v>616</v>
      </c>
      <c r="C376" s="16" t="s">
        <v>620</v>
      </c>
      <c r="D376" s="16" t="s">
        <v>619</v>
      </c>
      <c r="E376" s="16" t="s">
        <v>618</v>
      </c>
      <c r="F376" s="16" t="s">
        <v>313</v>
      </c>
    </row>
    <row r="377" spans="1:6" ht="24.75" thickBot="1" x14ac:dyDescent="0.3">
      <c r="A377" s="22" t="s">
        <v>617</v>
      </c>
      <c r="B377" s="23" t="s">
        <v>616</v>
      </c>
      <c r="C377" s="24" t="s">
        <v>327</v>
      </c>
      <c r="D377" s="24" t="s">
        <v>615</v>
      </c>
      <c r="E377" s="24" t="s">
        <v>614</v>
      </c>
      <c r="F377" s="16" t="s">
        <v>313</v>
      </c>
    </row>
    <row r="378" spans="1:6" ht="13.5" thickTop="1" thickBot="1" x14ac:dyDescent="0.3">
      <c r="A378" s="28" t="s">
        <v>613</v>
      </c>
      <c r="B378" s="29" t="s">
        <v>612</v>
      </c>
      <c r="C378" s="30"/>
      <c r="D378" s="30"/>
      <c r="E378" s="30"/>
      <c r="F378" s="16" t="s">
        <v>313</v>
      </c>
    </row>
    <row r="379" spans="1:6" ht="25.5" thickTop="1" thickBot="1" x14ac:dyDescent="0.3">
      <c r="A379" s="28" t="s">
        <v>611</v>
      </c>
      <c r="B379" s="29" t="s">
        <v>610</v>
      </c>
      <c r="C379" s="30"/>
      <c r="D379" s="30"/>
      <c r="E379" s="30"/>
      <c r="F379" s="16" t="s">
        <v>313</v>
      </c>
    </row>
    <row r="380" spans="1:6" ht="25.5" thickTop="1" thickBot="1" x14ac:dyDescent="0.3">
      <c r="A380" s="28" t="s">
        <v>609</v>
      </c>
      <c r="B380" s="29" t="s">
        <v>608</v>
      </c>
      <c r="C380" s="30"/>
      <c r="D380" s="30"/>
      <c r="E380" s="30"/>
      <c r="F380" s="16" t="s">
        <v>313</v>
      </c>
    </row>
    <row r="381" spans="1:6" ht="36.75" thickTop="1" x14ac:dyDescent="0.25">
      <c r="A381" s="25" t="s">
        <v>593</v>
      </c>
      <c r="B381" s="26" t="s">
        <v>592</v>
      </c>
      <c r="C381" s="27">
        <v>0</v>
      </c>
      <c r="D381" s="27" t="s">
        <v>607</v>
      </c>
      <c r="E381" s="27" t="s">
        <v>606</v>
      </c>
      <c r="F381" s="16" t="s">
        <v>313</v>
      </c>
    </row>
    <row r="382" spans="1:6" ht="36" x14ac:dyDescent="0.25">
      <c r="A382" s="15" t="s">
        <v>593</v>
      </c>
      <c r="B382" s="20" t="s">
        <v>592</v>
      </c>
      <c r="C382" s="16">
        <v>1</v>
      </c>
      <c r="D382" s="16" t="s">
        <v>605</v>
      </c>
      <c r="E382" s="16" t="s">
        <v>604</v>
      </c>
      <c r="F382" s="16" t="s">
        <v>313</v>
      </c>
    </row>
    <row r="383" spans="1:6" ht="36" x14ac:dyDescent="0.25">
      <c r="A383" s="15" t="s">
        <v>593</v>
      </c>
      <c r="B383" s="20" t="s">
        <v>592</v>
      </c>
      <c r="C383" s="16">
        <v>2</v>
      </c>
      <c r="D383" s="16" t="s">
        <v>603</v>
      </c>
      <c r="E383" s="16" t="s">
        <v>602</v>
      </c>
      <c r="F383" s="16" t="s">
        <v>313</v>
      </c>
    </row>
    <row r="384" spans="1:6" ht="36" x14ac:dyDescent="0.25">
      <c r="A384" s="15" t="s">
        <v>593</v>
      </c>
      <c r="B384" s="20" t="s">
        <v>592</v>
      </c>
      <c r="C384" s="16">
        <v>3</v>
      </c>
      <c r="D384" s="16" t="s">
        <v>601</v>
      </c>
      <c r="E384" s="16" t="s">
        <v>600</v>
      </c>
      <c r="F384" s="16" t="s">
        <v>313</v>
      </c>
    </row>
    <row r="385" spans="1:6" ht="48" x14ac:dyDescent="0.25">
      <c r="A385" s="15" t="s">
        <v>593</v>
      </c>
      <c r="B385" s="20" t="s">
        <v>592</v>
      </c>
      <c r="C385" s="16">
        <v>4</v>
      </c>
      <c r="D385" s="16" t="s">
        <v>496</v>
      </c>
      <c r="E385" s="16" t="s">
        <v>599</v>
      </c>
      <c r="F385" s="16" t="s">
        <v>313</v>
      </c>
    </row>
    <row r="386" spans="1:6" ht="48" x14ac:dyDescent="0.25">
      <c r="A386" s="15" t="s">
        <v>593</v>
      </c>
      <c r="B386" s="20" t="s">
        <v>592</v>
      </c>
      <c r="C386" s="16">
        <v>5</v>
      </c>
      <c r="D386" s="16" t="s">
        <v>598</v>
      </c>
      <c r="E386" s="16" t="s">
        <v>597</v>
      </c>
      <c r="F386" s="16" t="s">
        <v>313</v>
      </c>
    </row>
    <row r="387" spans="1:6" ht="48" x14ac:dyDescent="0.25">
      <c r="A387" s="15" t="s">
        <v>593</v>
      </c>
      <c r="B387" s="20" t="s">
        <v>592</v>
      </c>
      <c r="C387" s="16">
        <v>6</v>
      </c>
      <c r="D387" s="16" t="s">
        <v>591</v>
      </c>
      <c r="E387" s="16" t="s">
        <v>596</v>
      </c>
      <c r="F387" s="16" t="s">
        <v>313</v>
      </c>
    </row>
    <row r="388" spans="1:6" ht="48" x14ac:dyDescent="0.25">
      <c r="A388" s="15" t="s">
        <v>593</v>
      </c>
      <c r="B388" s="20" t="s">
        <v>592</v>
      </c>
      <c r="C388" s="16">
        <v>7</v>
      </c>
      <c r="D388" s="16" t="s">
        <v>595</v>
      </c>
      <c r="E388" s="16" t="s">
        <v>594</v>
      </c>
      <c r="F388" s="16" t="s">
        <v>313</v>
      </c>
    </row>
    <row r="389" spans="1:6" ht="36.75" thickBot="1" x14ac:dyDescent="0.3">
      <c r="A389" s="22" t="s">
        <v>593</v>
      </c>
      <c r="B389" s="23" t="s">
        <v>592</v>
      </c>
      <c r="C389" s="24">
        <v>8</v>
      </c>
      <c r="D389" s="24" t="s">
        <v>591</v>
      </c>
      <c r="E389" s="24" t="s">
        <v>590</v>
      </c>
      <c r="F389" s="16" t="s">
        <v>313</v>
      </c>
    </row>
    <row r="390" spans="1:6" ht="24.75" thickTop="1" x14ac:dyDescent="0.25">
      <c r="A390" s="25" t="s">
        <v>584</v>
      </c>
      <c r="B390" s="26" t="s">
        <v>583</v>
      </c>
      <c r="C390" s="27" t="s">
        <v>425</v>
      </c>
      <c r="D390" s="27" t="s">
        <v>589</v>
      </c>
      <c r="E390" s="27"/>
      <c r="F390" s="16" t="s">
        <v>313</v>
      </c>
    </row>
    <row r="391" spans="1:6" ht="24" x14ac:dyDescent="0.25">
      <c r="A391" s="15" t="s">
        <v>584</v>
      </c>
      <c r="B391" s="20" t="s">
        <v>583</v>
      </c>
      <c r="C391" s="16" t="s">
        <v>423</v>
      </c>
      <c r="D391" s="16" t="s">
        <v>588</v>
      </c>
      <c r="E391" s="16"/>
      <c r="F391" s="16" t="s">
        <v>313</v>
      </c>
    </row>
    <row r="392" spans="1:6" ht="24" x14ac:dyDescent="0.25">
      <c r="A392" s="15" t="s">
        <v>584</v>
      </c>
      <c r="B392" s="20" t="s">
        <v>583</v>
      </c>
      <c r="C392" s="16" t="s">
        <v>337</v>
      </c>
      <c r="D392" s="16" t="s">
        <v>587</v>
      </c>
      <c r="E392" s="16"/>
      <c r="F392" s="16" t="s">
        <v>313</v>
      </c>
    </row>
    <row r="393" spans="1:6" ht="24" x14ac:dyDescent="0.25">
      <c r="A393" s="15" t="s">
        <v>584</v>
      </c>
      <c r="B393" s="20" t="s">
        <v>583</v>
      </c>
      <c r="C393" s="16" t="s">
        <v>112</v>
      </c>
      <c r="D393" s="16" t="s">
        <v>586</v>
      </c>
      <c r="E393" s="16"/>
      <c r="F393" s="16" t="s">
        <v>313</v>
      </c>
    </row>
    <row r="394" spans="1:6" ht="24" x14ac:dyDescent="0.25">
      <c r="A394" s="15" t="s">
        <v>584</v>
      </c>
      <c r="B394" s="20" t="s">
        <v>583</v>
      </c>
      <c r="C394" s="16" t="s">
        <v>419</v>
      </c>
      <c r="D394" s="16" t="s">
        <v>585</v>
      </c>
      <c r="E394" s="16"/>
      <c r="F394" s="16" t="s">
        <v>313</v>
      </c>
    </row>
    <row r="395" spans="1:6" ht="24.75" thickBot="1" x14ac:dyDescent="0.3">
      <c r="A395" s="22" t="s">
        <v>584</v>
      </c>
      <c r="B395" s="23" t="s">
        <v>583</v>
      </c>
      <c r="C395" s="24" t="s">
        <v>118</v>
      </c>
      <c r="D395" s="24" t="s">
        <v>582</v>
      </c>
      <c r="E395" s="24"/>
      <c r="F395" s="16" t="s">
        <v>313</v>
      </c>
    </row>
    <row r="396" spans="1:6" ht="13.5" thickTop="1" thickBot="1" x14ac:dyDescent="0.3">
      <c r="A396" s="28" t="s">
        <v>581</v>
      </c>
      <c r="B396" s="29" t="s">
        <v>580</v>
      </c>
      <c r="C396" s="30"/>
      <c r="D396" s="30"/>
      <c r="E396" s="30"/>
      <c r="F396" s="16" t="s">
        <v>313</v>
      </c>
    </row>
    <row r="397" spans="1:6" ht="13.5" thickTop="1" thickBot="1" x14ac:dyDescent="0.3">
      <c r="A397" s="28" t="s">
        <v>579</v>
      </c>
      <c r="B397" s="29" t="s">
        <v>578</v>
      </c>
      <c r="C397" s="30"/>
      <c r="D397" s="30"/>
      <c r="E397" s="30"/>
      <c r="F397" s="16" t="s">
        <v>313</v>
      </c>
    </row>
    <row r="398" spans="1:6" ht="25.5" thickTop="1" thickBot="1" x14ac:dyDescent="0.3">
      <c r="A398" s="28" t="s">
        <v>577</v>
      </c>
      <c r="B398" s="29" t="s">
        <v>576</v>
      </c>
      <c r="C398" s="30"/>
      <c r="D398" s="30"/>
      <c r="E398" s="30"/>
      <c r="F398" s="16" t="s">
        <v>313</v>
      </c>
    </row>
    <row r="399" spans="1:6" ht="24.75" thickTop="1" x14ac:dyDescent="0.25">
      <c r="A399" s="25" t="s">
        <v>568</v>
      </c>
      <c r="B399" s="26" t="s">
        <v>567</v>
      </c>
      <c r="C399" s="27" t="s">
        <v>575</v>
      </c>
      <c r="D399" s="27" t="s">
        <v>574</v>
      </c>
      <c r="E399" s="27"/>
      <c r="F399" s="16" t="s">
        <v>313</v>
      </c>
    </row>
    <row r="400" spans="1:6" ht="24" x14ac:dyDescent="0.25">
      <c r="A400" s="15" t="s">
        <v>568</v>
      </c>
      <c r="B400" s="20" t="s">
        <v>567</v>
      </c>
      <c r="C400" s="16" t="s">
        <v>573</v>
      </c>
      <c r="D400" s="16" t="s">
        <v>572</v>
      </c>
      <c r="E400" s="16"/>
      <c r="F400" s="16" t="s">
        <v>313</v>
      </c>
    </row>
    <row r="401" spans="1:6" ht="24" x14ac:dyDescent="0.25">
      <c r="A401" s="15" t="s">
        <v>568</v>
      </c>
      <c r="B401" s="20" t="s">
        <v>567</v>
      </c>
      <c r="C401" s="16" t="s">
        <v>571</v>
      </c>
      <c r="D401" s="16" t="s">
        <v>472</v>
      </c>
      <c r="E401" s="16"/>
      <c r="F401" s="16" t="s">
        <v>313</v>
      </c>
    </row>
    <row r="402" spans="1:6" ht="24" x14ac:dyDescent="0.25">
      <c r="A402" s="15" t="s">
        <v>568</v>
      </c>
      <c r="B402" s="20" t="s">
        <v>567</v>
      </c>
      <c r="C402" s="16" t="s">
        <v>570</v>
      </c>
      <c r="D402" s="16" t="s">
        <v>569</v>
      </c>
      <c r="E402" s="16"/>
      <c r="F402" s="16" t="s">
        <v>313</v>
      </c>
    </row>
    <row r="403" spans="1:6" ht="24.75" thickBot="1" x14ac:dyDescent="0.3">
      <c r="A403" s="22" t="s">
        <v>568</v>
      </c>
      <c r="B403" s="23" t="s">
        <v>567</v>
      </c>
      <c r="C403" s="24" t="s">
        <v>566</v>
      </c>
      <c r="D403" s="24" t="s">
        <v>565</v>
      </c>
      <c r="E403" s="24"/>
      <c r="F403" s="16" t="s">
        <v>313</v>
      </c>
    </row>
    <row r="404" spans="1:6" ht="36.75" thickTop="1" x14ac:dyDescent="0.25">
      <c r="A404" s="25" t="s">
        <v>546</v>
      </c>
      <c r="B404" s="26" t="s">
        <v>545</v>
      </c>
      <c r="C404" s="27" t="s">
        <v>283</v>
      </c>
      <c r="D404" s="27" t="s">
        <v>564</v>
      </c>
      <c r="E404" s="27" t="s">
        <v>563</v>
      </c>
      <c r="F404" s="16" t="s">
        <v>313</v>
      </c>
    </row>
    <row r="405" spans="1:6" ht="36" x14ac:dyDescent="0.25">
      <c r="A405" s="15" t="s">
        <v>546</v>
      </c>
      <c r="B405" s="20" t="s">
        <v>545</v>
      </c>
      <c r="C405" s="16" t="s">
        <v>562</v>
      </c>
      <c r="D405" s="16" t="s">
        <v>561</v>
      </c>
      <c r="E405" s="16" t="s">
        <v>560</v>
      </c>
      <c r="F405" s="16" t="s">
        <v>313</v>
      </c>
    </row>
    <row r="406" spans="1:6" ht="60" x14ac:dyDescent="0.25">
      <c r="A406" s="15" t="s">
        <v>546</v>
      </c>
      <c r="B406" s="20" t="s">
        <v>545</v>
      </c>
      <c r="C406" s="16" t="s">
        <v>240</v>
      </c>
      <c r="D406" s="16" t="s">
        <v>559</v>
      </c>
      <c r="E406" s="16" t="s">
        <v>558</v>
      </c>
      <c r="F406" s="16" t="s">
        <v>313</v>
      </c>
    </row>
    <row r="407" spans="1:6" ht="36" x14ac:dyDescent="0.25">
      <c r="A407" s="15" t="s">
        <v>546</v>
      </c>
      <c r="B407" s="20" t="s">
        <v>545</v>
      </c>
      <c r="C407" s="16" t="s">
        <v>557</v>
      </c>
      <c r="D407" s="16" t="s">
        <v>556</v>
      </c>
      <c r="E407" s="16" t="s">
        <v>555</v>
      </c>
      <c r="F407" s="16" t="s">
        <v>313</v>
      </c>
    </row>
    <row r="408" spans="1:6" ht="36" x14ac:dyDescent="0.25">
      <c r="A408" s="15" t="s">
        <v>546</v>
      </c>
      <c r="B408" s="20" t="s">
        <v>545</v>
      </c>
      <c r="C408" s="16" t="s">
        <v>189</v>
      </c>
      <c r="D408" s="16" t="s">
        <v>554</v>
      </c>
      <c r="E408" s="16" t="s">
        <v>553</v>
      </c>
      <c r="F408" s="16" t="s">
        <v>313</v>
      </c>
    </row>
    <row r="409" spans="1:6" ht="36" x14ac:dyDescent="0.25">
      <c r="A409" s="15" t="s">
        <v>546</v>
      </c>
      <c r="B409" s="20" t="s">
        <v>545</v>
      </c>
      <c r="C409" s="16" t="s">
        <v>552</v>
      </c>
      <c r="D409" s="16" t="s">
        <v>551</v>
      </c>
      <c r="E409" s="16" t="s">
        <v>550</v>
      </c>
      <c r="F409" s="16" t="s">
        <v>313</v>
      </c>
    </row>
    <row r="410" spans="1:6" ht="48" x14ac:dyDescent="0.25">
      <c r="A410" s="15" t="s">
        <v>546</v>
      </c>
      <c r="B410" s="20" t="s">
        <v>545</v>
      </c>
      <c r="C410" s="16" t="s">
        <v>549</v>
      </c>
      <c r="D410" s="16" t="s">
        <v>548</v>
      </c>
      <c r="E410" s="16" t="s">
        <v>547</v>
      </c>
      <c r="F410" s="16" t="s">
        <v>313</v>
      </c>
    </row>
    <row r="411" spans="1:6" ht="36.75" thickBot="1" x14ac:dyDescent="0.3">
      <c r="A411" s="22" t="s">
        <v>546</v>
      </c>
      <c r="B411" s="23" t="s">
        <v>545</v>
      </c>
      <c r="C411" s="24" t="s">
        <v>544</v>
      </c>
      <c r="D411" s="24" t="s">
        <v>543</v>
      </c>
      <c r="E411" s="24" t="s">
        <v>542</v>
      </c>
      <c r="F411" s="16" t="s">
        <v>313</v>
      </c>
    </row>
    <row r="412" spans="1:6" ht="24.75" thickTop="1" x14ac:dyDescent="0.25">
      <c r="A412" s="25" t="s">
        <v>517</v>
      </c>
      <c r="B412" s="26" t="s">
        <v>516</v>
      </c>
      <c r="C412" s="27">
        <v>1</v>
      </c>
      <c r="D412" s="27" t="s">
        <v>541</v>
      </c>
      <c r="E412" s="27"/>
      <c r="F412" s="16" t="s">
        <v>313</v>
      </c>
    </row>
    <row r="413" spans="1:6" ht="24" x14ac:dyDescent="0.25">
      <c r="A413" s="15" t="s">
        <v>517</v>
      </c>
      <c r="B413" s="20" t="s">
        <v>516</v>
      </c>
      <c r="C413" s="16" t="s">
        <v>540</v>
      </c>
      <c r="D413" s="16" t="s">
        <v>539</v>
      </c>
      <c r="E413" s="16"/>
      <c r="F413" s="16" t="s">
        <v>313</v>
      </c>
    </row>
    <row r="414" spans="1:6" ht="24" x14ac:dyDescent="0.25">
      <c r="A414" s="15" t="s">
        <v>517</v>
      </c>
      <c r="B414" s="20" t="s">
        <v>516</v>
      </c>
      <c r="C414" s="16" t="s">
        <v>538</v>
      </c>
      <c r="D414" s="16" t="s">
        <v>537</v>
      </c>
      <c r="E414" s="16"/>
      <c r="F414" s="16" t="s">
        <v>313</v>
      </c>
    </row>
    <row r="415" spans="1:6" ht="24" x14ac:dyDescent="0.25">
      <c r="A415" s="15" t="s">
        <v>517</v>
      </c>
      <c r="B415" s="20" t="s">
        <v>516</v>
      </c>
      <c r="C415" s="16" t="s">
        <v>536</v>
      </c>
      <c r="D415" s="16" t="s">
        <v>535</v>
      </c>
      <c r="E415" s="16"/>
      <c r="F415" s="16" t="s">
        <v>313</v>
      </c>
    </row>
    <row r="416" spans="1:6" ht="24" x14ac:dyDescent="0.25">
      <c r="A416" s="15" t="s">
        <v>517</v>
      </c>
      <c r="B416" s="20" t="s">
        <v>516</v>
      </c>
      <c r="C416" s="16">
        <v>2</v>
      </c>
      <c r="D416" s="16" t="s">
        <v>534</v>
      </c>
      <c r="E416" s="16"/>
      <c r="F416" s="16" t="s">
        <v>313</v>
      </c>
    </row>
    <row r="417" spans="1:6" ht="24" x14ac:dyDescent="0.25">
      <c r="A417" s="15" t="s">
        <v>517</v>
      </c>
      <c r="B417" s="20" t="s">
        <v>516</v>
      </c>
      <c r="C417" s="16" t="s">
        <v>533</v>
      </c>
      <c r="D417" s="16" t="s">
        <v>532</v>
      </c>
      <c r="E417" s="16"/>
      <c r="F417" s="16" t="s">
        <v>313</v>
      </c>
    </row>
    <row r="418" spans="1:6" ht="24" x14ac:dyDescent="0.25">
      <c r="A418" s="15" t="s">
        <v>517</v>
      </c>
      <c r="B418" s="20" t="s">
        <v>516</v>
      </c>
      <c r="C418" s="16" t="s">
        <v>531</v>
      </c>
      <c r="D418" s="16" t="s">
        <v>530</v>
      </c>
      <c r="E418" s="16"/>
      <c r="F418" s="16" t="s">
        <v>313</v>
      </c>
    </row>
    <row r="419" spans="1:6" ht="24" x14ac:dyDescent="0.25">
      <c r="A419" s="15" t="s">
        <v>517</v>
      </c>
      <c r="B419" s="20" t="s">
        <v>516</v>
      </c>
      <c r="C419" s="16" t="s">
        <v>529</v>
      </c>
      <c r="D419" s="16" t="s">
        <v>528</v>
      </c>
      <c r="E419" s="16"/>
      <c r="F419" s="16" t="s">
        <v>313</v>
      </c>
    </row>
    <row r="420" spans="1:6" ht="24" x14ac:dyDescent="0.25">
      <c r="A420" s="15" t="s">
        <v>517</v>
      </c>
      <c r="B420" s="20" t="s">
        <v>516</v>
      </c>
      <c r="C420" s="16" t="s">
        <v>527</v>
      </c>
      <c r="D420" s="16" t="s">
        <v>526</v>
      </c>
      <c r="E420" s="16"/>
      <c r="F420" s="16" t="s">
        <v>313</v>
      </c>
    </row>
    <row r="421" spans="1:6" ht="24" x14ac:dyDescent="0.25">
      <c r="A421" s="15" t="s">
        <v>517</v>
      </c>
      <c r="B421" s="20" t="s">
        <v>516</v>
      </c>
      <c r="C421" s="16">
        <v>3</v>
      </c>
      <c r="D421" s="16" t="s">
        <v>525</v>
      </c>
      <c r="E421" s="16"/>
      <c r="F421" s="16" t="s">
        <v>313</v>
      </c>
    </row>
    <row r="422" spans="1:6" ht="24" x14ac:dyDescent="0.25">
      <c r="A422" s="15" t="s">
        <v>517</v>
      </c>
      <c r="B422" s="20" t="s">
        <v>516</v>
      </c>
      <c r="C422" s="16" t="s">
        <v>524</v>
      </c>
      <c r="D422" s="16" t="s">
        <v>523</v>
      </c>
      <c r="E422" s="16"/>
      <c r="F422" s="16" t="s">
        <v>313</v>
      </c>
    </row>
    <row r="423" spans="1:6" ht="24" x14ac:dyDescent="0.25">
      <c r="A423" s="15" t="s">
        <v>517</v>
      </c>
      <c r="B423" s="20" t="s">
        <v>516</v>
      </c>
      <c r="C423" s="16" t="s">
        <v>522</v>
      </c>
      <c r="D423" s="16" t="s">
        <v>521</v>
      </c>
      <c r="E423" s="16"/>
      <c r="F423" s="16" t="s">
        <v>313</v>
      </c>
    </row>
    <row r="424" spans="1:6" ht="24" x14ac:dyDescent="0.25">
      <c r="A424" s="15" t="s">
        <v>517</v>
      </c>
      <c r="B424" s="20" t="s">
        <v>516</v>
      </c>
      <c r="C424" s="16">
        <v>4</v>
      </c>
      <c r="D424" s="16" t="s">
        <v>520</v>
      </c>
      <c r="E424" s="16"/>
      <c r="F424" s="16" t="s">
        <v>313</v>
      </c>
    </row>
    <row r="425" spans="1:6" ht="24" x14ac:dyDescent="0.25">
      <c r="A425" s="15" t="s">
        <v>517</v>
      </c>
      <c r="B425" s="20" t="s">
        <v>516</v>
      </c>
      <c r="C425" s="16">
        <v>5</v>
      </c>
      <c r="D425" s="16" t="s">
        <v>519</v>
      </c>
      <c r="E425" s="16"/>
      <c r="F425" s="16" t="s">
        <v>313</v>
      </c>
    </row>
    <row r="426" spans="1:6" ht="24" x14ac:dyDescent="0.25">
      <c r="A426" s="15" t="s">
        <v>517</v>
      </c>
      <c r="B426" s="20" t="s">
        <v>516</v>
      </c>
      <c r="C426" s="16">
        <v>6</v>
      </c>
      <c r="D426" s="16" t="s">
        <v>518</v>
      </c>
      <c r="E426" s="16"/>
      <c r="F426" s="16" t="s">
        <v>313</v>
      </c>
    </row>
    <row r="427" spans="1:6" ht="24.75" thickBot="1" x14ac:dyDescent="0.3">
      <c r="A427" s="22" t="s">
        <v>517</v>
      </c>
      <c r="B427" s="23" t="s">
        <v>516</v>
      </c>
      <c r="C427" s="24">
        <v>7</v>
      </c>
      <c r="D427" s="24" t="s">
        <v>515</v>
      </c>
      <c r="E427" s="24"/>
      <c r="F427" s="16" t="s">
        <v>313</v>
      </c>
    </row>
    <row r="428" spans="1:6" ht="24.75" thickTop="1" x14ac:dyDescent="0.25">
      <c r="A428" s="25" t="s">
        <v>514</v>
      </c>
      <c r="B428" s="26" t="s">
        <v>513</v>
      </c>
      <c r="C428" s="27" t="s">
        <v>459</v>
      </c>
      <c r="D428" s="27" t="s">
        <v>510</v>
      </c>
      <c r="E428" s="27"/>
      <c r="F428" s="16" t="s">
        <v>313</v>
      </c>
    </row>
    <row r="429" spans="1:6" ht="24" x14ac:dyDescent="0.25">
      <c r="A429" s="15" t="s">
        <v>514</v>
      </c>
      <c r="B429" s="20" t="s">
        <v>513</v>
      </c>
      <c r="C429" s="16" t="s">
        <v>457</v>
      </c>
      <c r="D429" s="16" t="s">
        <v>509</v>
      </c>
      <c r="E429" s="16"/>
      <c r="F429" s="16" t="s">
        <v>313</v>
      </c>
    </row>
    <row r="430" spans="1:6" ht="24" x14ac:dyDescent="0.25">
      <c r="A430" s="15" t="s">
        <v>514</v>
      </c>
      <c r="B430" s="20" t="s">
        <v>513</v>
      </c>
      <c r="C430" s="16" t="s">
        <v>455</v>
      </c>
      <c r="D430" s="16" t="s">
        <v>508</v>
      </c>
      <c r="E430" s="16"/>
      <c r="F430" s="16" t="s">
        <v>313</v>
      </c>
    </row>
    <row r="431" spans="1:6" ht="24" x14ac:dyDescent="0.25">
      <c r="A431" s="15" t="s">
        <v>514</v>
      </c>
      <c r="B431" s="20" t="s">
        <v>513</v>
      </c>
      <c r="C431" s="16" t="s">
        <v>453</v>
      </c>
      <c r="D431" s="16" t="s">
        <v>507</v>
      </c>
      <c r="E431" s="16"/>
      <c r="F431" s="16" t="s">
        <v>313</v>
      </c>
    </row>
    <row r="432" spans="1:6" ht="24" x14ac:dyDescent="0.25">
      <c r="A432" s="15" t="s">
        <v>514</v>
      </c>
      <c r="B432" s="20" t="s">
        <v>513</v>
      </c>
      <c r="C432" s="16" t="s">
        <v>506</v>
      </c>
      <c r="D432" s="16" t="s">
        <v>505</v>
      </c>
      <c r="E432" s="16"/>
      <c r="F432" s="16" t="s">
        <v>313</v>
      </c>
    </row>
    <row r="433" spans="1:6" ht="24" x14ac:dyDescent="0.25">
      <c r="A433" s="15" t="s">
        <v>514</v>
      </c>
      <c r="B433" s="20" t="s">
        <v>513</v>
      </c>
      <c r="C433" s="16" t="s">
        <v>504</v>
      </c>
      <c r="D433" s="16" t="s">
        <v>503</v>
      </c>
      <c r="E433" s="16"/>
      <c r="F433" s="16" t="s">
        <v>313</v>
      </c>
    </row>
    <row r="434" spans="1:6" ht="24" x14ac:dyDescent="0.25">
      <c r="A434" s="15" t="s">
        <v>514</v>
      </c>
      <c r="B434" s="20" t="s">
        <v>513</v>
      </c>
      <c r="C434" s="16" t="s">
        <v>449</v>
      </c>
      <c r="D434" s="16" t="s">
        <v>502</v>
      </c>
      <c r="E434" s="16"/>
      <c r="F434" s="16" t="s">
        <v>313</v>
      </c>
    </row>
    <row r="435" spans="1:6" ht="24" x14ac:dyDescent="0.25">
      <c r="A435" s="15" t="s">
        <v>514</v>
      </c>
      <c r="B435" s="20" t="s">
        <v>513</v>
      </c>
      <c r="C435" s="16" t="s">
        <v>445</v>
      </c>
      <c r="D435" s="16" t="s">
        <v>501</v>
      </c>
      <c r="E435" s="16"/>
      <c r="F435" s="16" t="s">
        <v>313</v>
      </c>
    </row>
    <row r="436" spans="1:6" ht="24" x14ac:dyDescent="0.25">
      <c r="A436" s="15" t="s">
        <v>514</v>
      </c>
      <c r="B436" s="20" t="s">
        <v>513</v>
      </c>
      <c r="C436" s="16" t="s">
        <v>388</v>
      </c>
      <c r="D436" s="16" t="s">
        <v>500</v>
      </c>
      <c r="E436" s="16"/>
      <c r="F436" s="16" t="s">
        <v>313</v>
      </c>
    </row>
    <row r="437" spans="1:6" ht="24" x14ac:dyDescent="0.25">
      <c r="A437" s="15" t="s">
        <v>514</v>
      </c>
      <c r="B437" s="20" t="s">
        <v>513</v>
      </c>
      <c r="C437" s="16" t="s">
        <v>382</v>
      </c>
      <c r="D437" s="16" t="s">
        <v>499</v>
      </c>
      <c r="E437" s="16"/>
      <c r="F437" s="16" t="s">
        <v>313</v>
      </c>
    </row>
    <row r="438" spans="1:6" ht="24" x14ac:dyDescent="0.25">
      <c r="A438" s="15" t="s">
        <v>514</v>
      </c>
      <c r="B438" s="20" t="s">
        <v>513</v>
      </c>
      <c r="C438" s="16" t="s">
        <v>394</v>
      </c>
      <c r="D438" s="16" t="s">
        <v>498</v>
      </c>
      <c r="E438" s="16"/>
      <c r="F438" s="16" t="s">
        <v>313</v>
      </c>
    </row>
    <row r="439" spans="1:6" ht="24" x14ac:dyDescent="0.25">
      <c r="A439" s="15" t="s">
        <v>514</v>
      </c>
      <c r="B439" s="20" t="s">
        <v>513</v>
      </c>
      <c r="C439" s="16" t="s">
        <v>440</v>
      </c>
      <c r="D439" s="16" t="s">
        <v>497</v>
      </c>
      <c r="E439" s="16"/>
      <c r="F439" s="16" t="s">
        <v>313</v>
      </c>
    </row>
    <row r="440" spans="1:6" ht="24" x14ac:dyDescent="0.25">
      <c r="A440" s="15" t="s">
        <v>514</v>
      </c>
      <c r="B440" s="20" t="s">
        <v>513</v>
      </c>
      <c r="C440" s="16" t="s">
        <v>436</v>
      </c>
      <c r="D440" s="16" t="s">
        <v>496</v>
      </c>
      <c r="E440" s="16"/>
      <c r="F440" s="16" t="s">
        <v>313</v>
      </c>
    </row>
    <row r="441" spans="1:6" ht="24" x14ac:dyDescent="0.25">
      <c r="A441" s="15" t="s">
        <v>514</v>
      </c>
      <c r="B441" s="20" t="s">
        <v>513</v>
      </c>
      <c r="C441" s="16" t="s">
        <v>397</v>
      </c>
      <c r="D441" s="16" t="s">
        <v>495</v>
      </c>
      <c r="E441" s="16"/>
      <c r="F441" s="16" t="s">
        <v>313</v>
      </c>
    </row>
    <row r="442" spans="1:6" ht="24" x14ac:dyDescent="0.25">
      <c r="A442" s="15" t="s">
        <v>514</v>
      </c>
      <c r="B442" s="20" t="s">
        <v>513</v>
      </c>
      <c r="C442" s="16" t="s">
        <v>494</v>
      </c>
      <c r="D442" s="16" t="s">
        <v>493</v>
      </c>
      <c r="E442" s="16"/>
      <c r="F442" s="16" t="s">
        <v>313</v>
      </c>
    </row>
    <row r="443" spans="1:6" ht="24.75" thickBot="1" x14ac:dyDescent="0.3">
      <c r="A443" s="22" t="s">
        <v>514</v>
      </c>
      <c r="B443" s="23" t="s">
        <v>513</v>
      </c>
      <c r="C443" s="24" t="s">
        <v>490</v>
      </c>
      <c r="D443" s="24" t="s">
        <v>489</v>
      </c>
      <c r="E443" s="24"/>
      <c r="F443" s="16" t="s">
        <v>313</v>
      </c>
    </row>
    <row r="444" spans="1:6" ht="24.75" thickTop="1" x14ac:dyDescent="0.25">
      <c r="A444" s="25" t="s">
        <v>512</v>
      </c>
      <c r="B444" s="26" t="s">
        <v>511</v>
      </c>
      <c r="C444" s="27" t="s">
        <v>459</v>
      </c>
      <c r="D444" s="27" t="s">
        <v>510</v>
      </c>
      <c r="E444" s="27"/>
      <c r="F444" s="16" t="s">
        <v>313</v>
      </c>
    </row>
    <row r="445" spans="1:6" ht="24" x14ac:dyDescent="0.25">
      <c r="A445" s="15" t="s">
        <v>512</v>
      </c>
      <c r="B445" s="20" t="s">
        <v>511</v>
      </c>
      <c r="C445" s="16" t="s">
        <v>457</v>
      </c>
      <c r="D445" s="16" t="s">
        <v>509</v>
      </c>
      <c r="E445" s="16"/>
      <c r="F445" s="16" t="s">
        <v>313</v>
      </c>
    </row>
    <row r="446" spans="1:6" ht="24" x14ac:dyDescent="0.25">
      <c r="A446" s="15" t="s">
        <v>512</v>
      </c>
      <c r="B446" s="20" t="s">
        <v>511</v>
      </c>
      <c r="C446" s="16" t="s">
        <v>455</v>
      </c>
      <c r="D446" s="16" t="s">
        <v>508</v>
      </c>
      <c r="E446" s="16"/>
      <c r="F446" s="16" t="s">
        <v>313</v>
      </c>
    </row>
    <row r="447" spans="1:6" ht="24" x14ac:dyDescent="0.25">
      <c r="A447" s="15" t="s">
        <v>512</v>
      </c>
      <c r="B447" s="20" t="s">
        <v>511</v>
      </c>
      <c r="C447" s="16" t="s">
        <v>453</v>
      </c>
      <c r="D447" s="16" t="s">
        <v>507</v>
      </c>
      <c r="E447" s="16"/>
      <c r="F447" s="16" t="s">
        <v>313</v>
      </c>
    </row>
    <row r="448" spans="1:6" ht="24" x14ac:dyDescent="0.25">
      <c r="A448" s="15" t="s">
        <v>512</v>
      </c>
      <c r="B448" s="20" t="s">
        <v>511</v>
      </c>
      <c r="C448" s="16" t="s">
        <v>506</v>
      </c>
      <c r="D448" s="16" t="s">
        <v>505</v>
      </c>
      <c r="E448" s="16"/>
      <c r="F448" s="16" t="s">
        <v>313</v>
      </c>
    </row>
    <row r="449" spans="1:6" ht="24" x14ac:dyDescent="0.25">
      <c r="A449" s="15" t="s">
        <v>512</v>
      </c>
      <c r="B449" s="20" t="s">
        <v>511</v>
      </c>
      <c r="C449" s="16" t="s">
        <v>504</v>
      </c>
      <c r="D449" s="16" t="s">
        <v>503</v>
      </c>
      <c r="E449" s="16"/>
      <c r="F449" s="16" t="s">
        <v>313</v>
      </c>
    </row>
    <row r="450" spans="1:6" ht="24" x14ac:dyDescent="0.25">
      <c r="A450" s="15" t="s">
        <v>512</v>
      </c>
      <c r="B450" s="20" t="s">
        <v>511</v>
      </c>
      <c r="C450" s="16" t="s">
        <v>449</v>
      </c>
      <c r="D450" s="16" t="s">
        <v>502</v>
      </c>
      <c r="E450" s="16"/>
      <c r="F450" s="16" t="s">
        <v>313</v>
      </c>
    </row>
    <row r="451" spans="1:6" ht="24" x14ac:dyDescent="0.25">
      <c r="A451" s="15" t="s">
        <v>512</v>
      </c>
      <c r="B451" s="20" t="s">
        <v>511</v>
      </c>
      <c r="C451" s="16" t="s">
        <v>445</v>
      </c>
      <c r="D451" s="16" t="s">
        <v>501</v>
      </c>
      <c r="E451" s="16"/>
      <c r="F451" s="16" t="s">
        <v>313</v>
      </c>
    </row>
    <row r="452" spans="1:6" ht="24" x14ac:dyDescent="0.25">
      <c r="A452" s="15" t="s">
        <v>512</v>
      </c>
      <c r="B452" s="20" t="s">
        <v>511</v>
      </c>
      <c r="C452" s="16" t="s">
        <v>388</v>
      </c>
      <c r="D452" s="16" t="s">
        <v>500</v>
      </c>
      <c r="E452" s="16"/>
      <c r="F452" s="16" t="s">
        <v>313</v>
      </c>
    </row>
    <row r="453" spans="1:6" ht="24" x14ac:dyDescent="0.25">
      <c r="A453" s="15" t="s">
        <v>512</v>
      </c>
      <c r="B453" s="20" t="s">
        <v>511</v>
      </c>
      <c r="C453" s="16" t="s">
        <v>382</v>
      </c>
      <c r="D453" s="16" t="s">
        <v>499</v>
      </c>
      <c r="E453" s="16"/>
      <c r="F453" s="16" t="s">
        <v>313</v>
      </c>
    </row>
    <row r="454" spans="1:6" ht="24" x14ac:dyDescent="0.25">
      <c r="A454" s="15" t="s">
        <v>512</v>
      </c>
      <c r="B454" s="20" t="s">
        <v>511</v>
      </c>
      <c r="C454" s="16" t="s">
        <v>394</v>
      </c>
      <c r="D454" s="16" t="s">
        <v>498</v>
      </c>
      <c r="E454" s="16"/>
      <c r="F454" s="16" t="s">
        <v>313</v>
      </c>
    </row>
    <row r="455" spans="1:6" ht="24" x14ac:dyDescent="0.25">
      <c r="A455" s="15" t="s">
        <v>512</v>
      </c>
      <c r="B455" s="20" t="s">
        <v>511</v>
      </c>
      <c r="C455" s="16" t="s">
        <v>440</v>
      </c>
      <c r="D455" s="16" t="s">
        <v>497</v>
      </c>
      <c r="E455" s="16"/>
      <c r="F455" s="16" t="s">
        <v>313</v>
      </c>
    </row>
    <row r="456" spans="1:6" ht="24" x14ac:dyDescent="0.25">
      <c r="A456" s="15" t="s">
        <v>512</v>
      </c>
      <c r="B456" s="20" t="s">
        <v>511</v>
      </c>
      <c r="C456" s="16" t="s">
        <v>436</v>
      </c>
      <c r="D456" s="16" t="s">
        <v>496</v>
      </c>
      <c r="E456" s="16"/>
      <c r="F456" s="16" t="s">
        <v>313</v>
      </c>
    </row>
    <row r="457" spans="1:6" ht="24" x14ac:dyDescent="0.25">
      <c r="A457" s="15" t="s">
        <v>512</v>
      </c>
      <c r="B457" s="20" t="s">
        <v>511</v>
      </c>
      <c r="C457" s="16" t="s">
        <v>397</v>
      </c>
      <c r="D457" s="16" t="s">
        <v>495</v>
      </c>
      <c r="E457" s="16"/>
      <c r="F457" s="16" t="s">
        <v>313</v>
      </c>
    </row>
    <row r="458" spans="1:6" ht="24" x14ac:dyDescent="0.25">
      <c r="A458" s="15" t="s">
        <v>512</v>
      </c>
      <c r="B458" s="20" t="s">
        <v>511</v>
      </c>
      <c r="C458" s="16" t="s">
        <v>494</v>
      </c>
      <c r="D458" s="16" t="s">
        <v>493</v>
      </c>
      <c r="E458" s="16"/>
      <c r="F458" s="16" t="s">
        <v>313</v>
      </c>
    </row>
    <row r="459" spans="1:6" ht="24.75" thickBot="1" x14ac:dyDescent="0.3">
      <c r="A459" s="22" t="s">
        <v>512</v>
      </c>
      <c r="B459" s="23" t="s">
        <v>511</v>
      </c>
      <c r="C459" s="24" t="s">
        <v>490</v>
      </c>
      <c r="D459" s="24" t="s">
        <v>489</v>
      </c>
      <c r="E459" s="24"/>
      <c r="F459" s="16" t="s">
        <v>313</v>
      </c>
    </row>
    <row r="460" spans="1:6" ht="24.75" thickTop="1" x14ac:dyDescent="0.25">
      <c r="A460" s="25" t="s">
        <v>492</v>
      </c>
      <c r="B460" s="26" t="s">
        <v>491</v>
      </c>
      <c r="C460" s="27" t="s">
        <v>459</v>
      </c>
      <c r="D460" s="27" t="s">
        <v>510</v>
      </c>
      <c r="E460" s="27"/>
      <c r="F460" s="16" t="s">
        <v>313</v>
      </c>
    </row>
    <row r="461" spans="1:6" ht="24" x14ac:dyDescent="0.25">
      <c r="A461" s="15" t="s">
        <v>492</v>
      </c>
      <c r="B461" s="20" t="s">
        <v>491</v>
      </c>
      <c r="C461" s="16" t="s">
        <v>457</v>
      </c>
      <c r="D461" s="16" t="s">
        <v>509</v>
      </c>
      <c r="E461" s="16"/>
      <c r="F461" s="16" t="s">
        <v>313</v>
      </c>
    </row>
    <row r="462" spans="1:6" ht="24" x14ac:dyDescent="0.25">
      <c r="A462" s="15" t="s">
        <v>492</v>
      </c>
      <c r="B462" s="20" t="s">
        <v>491</v>
      </c>
      <c r="C462" s="16" t="s">
        <v>455</v>
      </c>
      <c r="D462" s="16" t="s">
        <v>508</v>
      </c>
      <c r="E462" s="16"/>
      <c r="F462" s="16" t="s">
        <v>313</v>
      </c>
    </row>
    <row r="463" spans="1:6" ht="24" x14ac:dyDescent="0.25">
      <c r="A463" s="15" t="s">
        <v>492</v>
      </c>
      <c r="B463" s="20" t="s">
        <v>491</v>
      </c>
      <c r="C463" s="16" t="s">
        <v>453</v>
      </c>
      <c r="D463" s="16" t="s">
        <v>507</v>
      </c>
      <c r="E463" s="16"/>
      <c r="F463" s="16" t="s">
        <v>313</v>
      </c>
    </row>
    <row r="464" spans="1:6" ht="24" x14ac:dyDescent="0.25">
      <c r="A464" s="15" t="s">
        <v>492</v>
      </c>
      <c r="B464" s="20" t="s">
        <v>491</v>
      </c>
      <c r="C464" s="16" t="s">
        <v>506</v>
      </c>
      <c r="D464" s="16" t="s">
        <v>505</v>
      </c>
      <c r="E464" s="16"/>
      <c r="F464" s="16" t="s">
        <v>313</v>
      </c>
    </row>
    <row r="465" spans="1:6" ht="24" x14ac:dyDescent="0.25">
      <c r="A465" s="15" t="s">
        <v>492</v>
      </c>
      <c r="B465" s="20" t="s">
        <v>491</v>
      </c>
      <c r="C465" s="16" t="s">
        <v>504</v>
      </c>
      <c r="D465" s="16" t="s">
        <v>503</v>
      </c>
      <c r="E465" s="16"/>
      <c r="F465" s="16" t="s">
        <v>313</v>
      </c>
    </row>
    <row r="466" spans="1:6" ht="24" x14ac:dyDescent="0.25">
      <c r="A466" s="15" t="s">
        <v>492</v>
      </c>
      <c r="B466" s="20" t="s">
        <v>491</v>
      </c>
      <c r="C466" s="16" t="s">
        <v>449</v>
      </c>
      <c r="D466" s="16" t="s">
        <v>502</v>
      </c>
      <c r="E466" s="16"/>
      <c r="F466" s="16" t="s">
        <v>313</v>
      </c>
    </row>
    <row r="467" spans="1:6" ht="24" x14ac:dyDescent="0.25">
      <c r="A467" s="15" t="s">
        <v>492</v>
      </c>
      <c r="B467" s="20" t="s">
        <v>491</v>
      </c>
      <c r="C467" s="16" t="s">
        <v>445</v>
      </c>
      <c r="D467" s="16" t="s">
        <v>501</v>
      </c>
      <c r="E467" s="16"/>
      <c r="F467" s="16" t="s">
        <v>313</v>
      </c>
    </row>
    <row r="468" spans="1:6" ht="24" x14ac:dyDescent="0.25">
      <c r="A468" s="15" t="s">
        <v>492</v>
      </c>
      <c r="B468" s="20" t="s">
        <v>491</v>
      </c>
      <c r="C468" s="16" t="s">
        <v>388</v>
      </c>
      <c r="D468" s="16" t="s">
        <v>500</v>
      </c>
      <c r="E468" s="16"/>
      <c r="F468" s="16" t="s">
        <v>313</v>
      </c>
    </row>
    <row r="469" spans="1:6" ht="24" x14ac:dyDescent="0.25">
      <c r="A469" s="15" t="s">
        <v>492</v>
      </c>
      <c r="B469" s="20" t="s">
        <v>491</v>
      </c>
      <c r="C469" s="16" t="s">
        <v>382</v>
      </c>
      <c r="D469" s="16" t="s">
        <v>499</v>
      </c>
      <c r="E469" s="16"/>
      <c r="F469" s="16" t="s">
        <v>313</v>
      </c>
    </row>
    <row r="470" spans="1:6" ht="24" x14ac:dyDescent="0.25">
      <c r="A470" s="15" t="s">
        <v>492</v>
      </c>
      <c r="B470" s="20" t="s">
        <v>491</v>
      </c>
      <c r="C470" s="16" t="s">
        <v>394</v>
      </c>
      <c r="D470" s="16" t="s">
        <v>498</v>
      </c>
      <c r="E470" s="16"/>
      <c r="F470" s="16" t="s">
        <v>313</v>
      </c>
    </row>
    <row r="471" spans="1:6" ht="24" x14ac:dyDescent="0.25">
      <c r="A471" s="15" t="s">
        <v>492</v>
      </c>
      <c r="B471" s="20" t="s">
        <v>491</v>
      </c>
      <c r="C471" s="16" t="s">
        <v>440</v>
      </c>
      <c r="D471" s="16" t="s">
        <v>497</v>
      </c>
      <c r="E471" s="16"/>
      <c r="F471" s="16" t="s">
        <v>313</v>
      </c>
    </row>
    <row r="472" spans="1:6" ht="24" x14ac:dyDescent="0.25">
      <c r="A472" s="15" t="s">
        <v>492</v>
      </c>
      <c r="B472" s="20" t="s">
        <v>491</v>
      </c>
      <c r="C472" s="16" t="s">
        <v>436</v>
      </c>
      <c r="D472" s="16" t="s">
        <v>496</v>
      </c>
      <c r="E472" s="16"/>
      <c r="F472" s="16" t="s">
        <v>313</v>
      </c>
    </row>
    <row r="473" spans="1:6" ht="24" x14ac:dyDescent="0.25">
      <c r="A473" s="15" t="s">
        <v>492</v>
      </c>
      <c r="B473" s="20" t="s">
        <v>491</v>
      </c>
      <c r="C473" s="16" t="s">
        <v>397</v>
      </c>
      <c r="D473" s="16" t="s">
        <v>495</v>
      </c>
      <c r="E473" s="16"/>
      <c r="F473" s="16" t="s">
        <v>313</v>
      </c>
    </row>
    <row r="474" spans="1:6" ht="24" x14ac:dyDescent="0.25">
      <c r="A474" s="15" t="s">
        <v>492</v>
      </c>
      <c r="B474" s="20" t="s">
        <v>491</v>
      </c>
      <c r="C474" s="16" t="s">
        <v>494</v>
      </c>
      <c r="D474" s="16" t="s">
        <v>493</v>
      </c>
      <c r="E474" s="16"/>
      <c r="F474" s="16" t="s">
        <v>313</v>
      </c>
    </row>
    <row r="475" spans="1:6" ht="24.75" thickBot="1" x14ac:dyDescent="0.3">
      <c r="A475" s="22" t="s">
        <v>492</v>
      </c>
      <c r="B475" s="23" t="s">
        <v>491</v>
      </c>
      <c r="C475" s="24" t="s">
        <v>490</v>
      </c>
      <c r="D475" s="24" t="s">
        <v>489</v>
      </c>
      <c r="E475" s="24"/>
      <c r="F475" s="16" t="s">
        <v>313</v>
      </c>
    </row>
    <row r="476" spans="1:6" ht="24.75" thickTop="1" x14ac:dyDescent="0.25">
      <c r="A476" s="25" t="s">
        <v>488</v>
      </c>
      <c r="B476" s="26" t="s">
        <v>487</v>
      </c>
      <c r="C476" s="27" t="s">
        <v>425</v>
      </c>
      <c r="D476" s="27" t="s">
        <v>484</v>
      </c>
      <c r="E476" s="27"/>
      <c r="F476" s="16" t="s">
        <v>313</v>
      </c>
    </row>
    <row r="477" spans="1:6" ht="24" x14ac:dyDescent="0.25">
      <c r="A477" s="15" t="s">
        <v>488</v>
      </c>
      <c r="B477" s="20" t="s">
        <v>487</v>
      </c>
      <c r="C477" s="16" t="s">
        <v>337</v>
      </c>
      <c r="D477" s="16" t="s">
        <v>483</v>
      </c>
      <c r="E477" s="16"/>
      <c r="F477" s="16" t="s">
        <v>313</v>
      </c>
    </row>
    <row r="478" spans="1:6" ht="24" x14ac:dyDescent="0.25">
      <c r="A478" s="15" t="s">
        <v>488</v>
      </c>
      <c r="B478" s="20" t="s">
        <v>487</v>
      </c>
      <c r="C478" s="16" t="s">
        <v>112</v>
      </c>
      <c r="D478" s="16" t="s">
        <v>482</v>
      </c>
      <c r="E478" s="16"/>
      <c r="F478" s="16" t="s">
        <v>313</v>
      </c>
    </row>
    <row r="479" spans="1:6" ht="24" x14ac:dyDescent="0.25">
      <c r="A479" s="15" t="s">
        <v>488</v>
      </c>
      <c r="B479" s="20" t="s">
        <v>487</v>
      </c>
      <c r="C479" s="16" t="s">
        <v>419</v>
      </c>
      <c r="D479" s="16" t="s">
        <v>481</v>
      </c>
      <c r="E479" s="16"/>
      <c r="F479" s="16" t="s">
        <v>313</v>
      </c>
    </row>
    <row r="480" spans="1:6" ht="24" x14ac:dyDescent="0.25">
      <c r="A480" s="15" t="s">
        <v>488</v>
      </c>
      <c r="B480" s="20" t="s">
        <v>487</v>
      </c>
      <c r="C480" s="16" t="s">
        <v>118</v>
      </c>
      <c r="D480" s="16" t="s">
        <v>480</v>
      </c>
      <c r="E480" s="16"/>
      <c r="F480" s="16" t="s">
        <v>313</v>
      </c>
    </row>
    <row r="481" spans="1:6" ht="24" x14ac:dyDescent="0.25">
      <c r="A481" s="15" t="s">
        <v>488</v>
      </c>
      <c r="B481" s="20" t="s">
        <v>487</v>
      </c>
      <c r="C481" s="16" t="s">
        <v>479</v>
      </c>
      <c r="D481" s="16" t="s">
        <v>478</v>
      </c>
      <c r="E481" s="16"/>
      <c r="F481" s="16" t="s">
        <v>313</v>
      </c>
    </row>
    <row r="482" spans="1:6" ht="24" x14ac:dyDescent="0.25">
      <c r="A482" s="15" t="s">
        <v>488</v>
      </c>
      <c r="B482" s="20" t="s">
        <v>487</v>
      </c>
      <c r="C482" s="16" t="s">
        <v>415</v>
      </c>
      <c r="D482" s="16" t="s">
        <v>477</v>
      </c>
      <c r="E482" s="16"/>
      <c r="F482" s="16" t="s">
        <v>313</v>
      </c>
    </row>
    <row r="483" spans="1:6" ht="24" x14ac:dyDescent="0.25">
      <c r="A483" s="15" t="s">
        <v>488</v>
      </c>
      <c r="B483" s="20" t="s">
        <v>487</v>
      </c>
      <c r="C483" s="16" t="s">
        <v>331</v>
      </c>
      <c r="D483" s="16" t="s">
        <v>476</v>
      </c>
      <c r="E483" s="16"/>
      <c r="F483" s="16" t="s">
        <v>313</v>
      </c>
    </row>
    <row r="484" spans="1:6" ht="24" x14ac:dyDescent="0.25">
      <c r="A484" s="15" t="s">
        <v>488</v>
      </c>
      <c r="B484" s="20" t="s">
        <v>487</v>
      </c>
      <c r="C484" s="16" t="s">
        <v>475</v>
      </c>
      <c r="D484" s="16" t="s">
        <v>474</v>
      </c>
      <c r="E484" s="16"/>
      <c r="F484" s="16" t="s">
        <v>313</v>
      </c>
    </row>
    <row r="485" spans="1:6" ht="24" x14ac:dyDescent="0.25">
      <c r="A485" s="15" t="s">
        <v>488</v>
      </c>
      <c r="B485" s="20" t="s">
        <v>487</v>
      </c>
      <c r="C485" s="16" t="s">
        <v>115</v>
      </c>
      <c r="D485" s="16" t="s">
        <v>473</v>
      </c>
      <c r="E485" s="16"/>
      <c r="F485" s="16" t="s">
        <v>313</v>
      </c>
    </row>
    <row r="486" spans="1:6" ht="24" x14ac:dyDescent="0.25">
      <c r="A486" s="15" t="s">
        <v>488</v>
      </c>
      <c r="B486" s="20" t="s">
        <v>487</v>
      </c>
      <c r="C486" s="16" t="s">
        <v>173</v>
      </c>
      <c r="D486" s="16" t="s">
        <v>472</v>
      </c>
      <c r="E486" s="16"/>
      <c r="F486" s="16" t="s">
        <v>313</v>
      </c>
    </row>
    <row r="487" spans="1:6" ht="24" x14ac:dyDescent="0.25">
      <c r="A487" s="15" t="s">
        <v>488</v>
      </c>
      <c r="B487" s="20" t="s">
        <v>487</v>
      </c>
      <c r="C487" s="16" t="s">
        <v>374</v>
      </c>
      <c r="D487" s="16" t="s">
        <v>471</v>
      </c>
      <c r="E487" s="16"/>
      <c r="F487" s="16" t="s">
        <v>313</v>
      </c>
    </row>
    <row r="488" spans="1:6" ht="24" x14ac:dyDescent="0.25">
      <c r="A488" s="15" t="s">
        <v>488</v>
      </c>
      <c r="B488" s="20" t="s">
        <v>487</v>
      </c>
      <c r="C488" s="16" t="s">
        <v>170</v>
      </c>
      <c r="D488" s="16" t="s">
        <v>470</v>
      </c>
      <c r="E488" s="16"/>
      <c r="F488" s="16" t="s">
        <v>313</v>
      </c>
    </row>
    <row r="489" spans="1:6" ht="24" x14ac:dyDescent="0.25">
      <c r="A489" s="15" t="s">
        <v>488</v>
      </c>
      <c r="B489" s="20" t="s">
        <v>487</v>
      </c>
      <c r="C489" s="16" t="s">
        <v>403</v>
      </c>
      <c r="D489" s="16" t="s">
        <v>469</v>
      </c>
      <c r="E489" s="16"/>
      <c r="F489" s="16" t="s">
        <v>313</v>
      </c>
    </row>
    <row r="490" spans="1:6" ht="24" x14ac:dyDescent="0.25">
      <c r="A490" s="15" t="s">
        <v>488</v>
      </c>
      <c r="B490" s="20" t="s">
        <v>487</v>
      </c>
      <c r="C490" s="16" t="s">
        <v>163</v>
      </c>
      <c r="D490" s="16" t="s">
        <v>468</v>
      </c>
      <c r="E490" s="16"/>
      <c r="F490" s="16" t="s">
        <v>313</v>
      </c>
    </row>
    <row r="491" spans="1:6" ht="24.75" thickBot="1" x14ac:dyDescent="0.3">
      <c r="A491" s="22" t="s">
        <v>488</v>
      </c>
      <c r="B491" s="23" t="s">
        <v>487</v>
      </c>
      <c r="C491" s="24" t="s">
        <v>465</v>
      </c>
      <c r="D491" s="24" t="s">
        <v>464</v>
      </c>
      <c r="E491" s="24"/>
      <c r="F491" s="16" t="s">
        <v>313</v>
      </c>
    </row>
    <row r="492" spans="1:6" ht="24.75" thickTop="1" x14ac:dyDescent="0.25">
      <c r="A492" s="25" t="s">
        <v>486</v>
      </c>
      <c r="B492" s="26" t="s">
        <v>485</v>
      </c>
      <c r="C492" s="27" t="s">
        <v>425</v>
      </c>
      <c r="D492" s="27" t="s">
        <v>484</v>
      </c>
      <c r="E492" s="27"/>
      <c r="F492" s="16" t="s">
        <v>313</v>
      </c>
    </row>
    <row r="493" spans="1:6" ht="24" x14ac:dyDescent="0.25">
      <c r="A493" s="15" t="s">
        <v>486</v>
      </c>
      <c r="B493" s="20" t="s">
        <v>485</v>
      </c>
      <c r="C493" s="16" t="s">
        <v>337</v>
      </c>
      <c r="D493" s="16" t="s">
        <v>483</v>
      </c>
      <c r="E493" s="16"/>
      <c r="F493" s="16" t="s">
        <v>313</v>
      </c>
    </row>
    <row r="494" spans="1:6" ht="24" x14ac:dyDescent="0.25">
      <c r="A494" s="15" t="s">
        <v>486</v>
      </c>
      <c r="B494" s="20" t="s">
        <v>485</v>
      </c>
      <c r="C494" s="16" t="s">
        <v>112</v>
      </c>
      <c r="D494" s="16" t="s">
        <v>482</v>
      </c>
      <c r="E494" s="16"/>
      <c r="F494" s="16" t="s">
        <v>313</v>
      </c>
    </row>
    <row r="495" spans="1:6" ht="24" x14ac:dyDescent="0.25">
      <c r="A495" s="15" t="s">
        <v>486</v>
      </c>
      <c r="B495" s="20" t="s">
        <v>485</v>
      </c>
      <c r="C495" s="16" t="s">
        <v>419</v>
      </c>
      <c r="D495" s="16" t="s">
        <v>481</v>
      </c>
      <c r="E495" s="16"/>
      <c r="F495" s="16" t="s">
        <v>313</v>
      </c>
    </row>
    <row r="496" spans="1:6" ht="24" x14ac:dyDescent="0.25">
      <c r="A496" s="15" t="s">
        <v>486</v>
      </c>
      <c r="B496" s="20" t="s">
        <v>485</v>
      </c>
      <c r="C496" s="16" t="s">
        <v>118</v>
      </c>
      <c r="D496" s="16" t="s">
        <v>480</v>
      </c>
      <c r="E496" s="16"/>
      <c r="F496" s="16" t="s">
        <v>313</v>
      </c>
    </row>
    <row r="497" spans="1:6" ht="24" x14ac:dyDescent="0.25">
      <c r="A497" s="15" t="s">
        <v>486</v>
      </c>
      <c r="B497" s="20" t="s">
        <v>485</v>
      </c>
      <c r="C497" s="16" t="s">
        <v>479</v>
      </c>
      <c r="D497" s="16" t="s">
        <v>478</v>
      </c>
      <c r="E497" s="16"/>
      <c r="F497" s="16" t="s">
        <v>313</v>
      </c>
    </row>
    <row r="498" spans="1:6" ht="24" x14ac:dyDescent="0.25">
      <c r="A498" s="15" t="s">
        <v>486</v>
      </c>
      <c r="B498" s="20" t="s">
        <v>485</v>
      </c>
      <c r="C498" s="16" t="s">
        <v>415</v>
      </c>
      <c r="D498" s="16" t="s">
        <v>477</v>
      </c>
      <c r="E498" s="16"/>
      <c r="F498" s="16" t="s">
        <v>313</v>
      </c>
    </row>
    <row r="499" spans="1:6" ht="24" x14ac:dyDescent="0.25">
      <c r="A499" s="15" t="s">
        <v>486</v>
      </c>
      <c r="B499" s="20" t="s">
        <v>485</v>
      </c>
      <c r="C499" s="16" t="s">
        <v>331</v>
      </c>
      <c r="D499" s="16" t="s">
        <v>476</v>
      </c>
      <c r="E499" s="16"/>
      <c r="F499" s="16" t="s">
        <v>313</v>
      </c>
    </row>
    <row r="500" spans="1:6" ht="24" x14ac:dyDescent="0.25">
      <c r="A500" s="15" t="s">
        <v>486</v>
      </c>
      <c r="B500" s="20" t="s">
        <v>485</v>
      </c>
      <c r="C500" s="16" t="s">
        <v>475</v>
      </c>
      <c r="D500" s="16" t="s">
        <v>474</v>
      </c>
      <c r="E500" s="16"/>
      <c r="F500" s="16" t="s">
        <v>313</v>
      </c>
    </row>
    <row r="501" spans="1:6" ht="24" x14ac:dyDescent="0.25">
      <c r="A501" s="15" t="s">
        <v>486</v>
      </c>
      <c r="B501" s="20" t="s">
        <v>485</v>
      </c>
      <c r="C501" s="16" t="s">
        <v>115</v>
      </c>
      <c r="D501" s="16" t="s">
        <v>473</v>
      </c>
      <c r="E501" s="16"/>
      <c r="F501" s="16" t="s">
        <v>313</v>
      </c>
    </row>
    <row r="502" spans="1:6" ht="24" x14ac:dyDescent="0.25">
      <c r="A502" s="15" t="s">
        <v>486</v>
      </c>
      <c r="B502" s="20" t="s">
        <v>485</v>
      </c>
      <c r="C502" s="16" t="s">
        <v>173</v>
      </c>
      <c r="D502" s="16" t="s">
        <v>472</v>
      </c>
      <c r="E502" s="16"/>
      <c r="F502" s="16" t="s">
        <v>313</v>
      </c>
    </row>
    <row r="503" spans="1:6" ht="24" x14ac:dyDescent="0.25">
      <c r="A503" s="15" t="s">
        <v>486</v>
      </c>
      <c r="B503" s="20" t="s">
        <v>485</v>
      </c>
      <c r="C503" s="16" t="s">
        <v>374</v>
      </c>
      <c r="D503" s="16" t="s">
        <v>471</v>
      </c>
      <c r="E503" s="16"/>
      <c r="F503" s="16" t="s">
        <v>313</v>
      </c>
    </row>
    <row r="504" spans="1:6" ht="24" x14ac:dyDescent="0.25">
      <c r="A504" s="15" t="s">
        <v>486</v>
      </c>
      <c r="B504" s="20" t="s">
        <v>485</v>
      </c>
      <c r="C504" s="16" t="s">
        <v>170</v>
      </c>
      <c r="D504" s="16" t="s">
        <v>470</v>
      </c>
      <c r="E504" s="16"/>
      <c r="F504" s="16" t="s">
        <v>313</v>
      </c>
    </row>
    <row r="505" spans="1:6" ht="24" x14ac:dyDescent="0.25">
      <c r="A505" s="15" t="s">
        <v>486</v>
      </c>
      <c r="B505" s="20" t="s">
        <v>485</v>
      </c>
      <c r="C505" s="16" t="s">
        <v>403</v>
      </c>
      <c r="D505" s="16" t="s">
        <v>469</v>
      </c>
      <c r="E505" s="16"/>
      <c r="F505" s="16" t="s">
        <v>313</v>
      </c>
    </row>
    <row r="506" spans="1:6" ht="24" x14ac:dyDescent="0.25">
      <c r="A506" s="15" t="s">
        <v>486</v>
      </c>
      <c r="B506" s="20" t="s">
        <v>485</v>
      </c>
      <c r="C506" s="16" t="s">
        <v>163</v>
      </c>
      <c r="D506" s="16" t="s">
        <v>468</v>
      </c>
      <c r="E506" s="16"/>
      <c r="F506" s="16" t="s">
        <v>313</v>
      </c>
    </row>
    <row r="507" spans="1:6" ht="24.75" thickBot="1" x14ac:dyDescent="0.3">
      <c r="A507" s="22" t="s">
        <v>486</v>
      </c>
      <c r="B507" s="23" t="s">
        <v>485</v>
      </c>
      <c r="C507" s="24" t="s">
        <v>465</v>
      </c>
      <c r="D507" s="24" t="s">
        <v>464</v>
      </c>
      <c r="E507" s="24"/>
      <c r="F507" s="16" t="s">
        <v>313</v>
      </c>
    </row>
    <row r="508" spans="1:6" ht="24.75" thickTop="1" x14ac:dyDescent="0.25">
      <c r="A508" s="25" t="s">
        <v>467</v>
      </c>
      <c r="B508" s="26" t="s">
        <v>466</v>
      </c>
      <c r="C508" s="27" t="s">
        <v>425</v>
      </c>
      <c r="D508" s="27" t="s">
        <v>484</v>
      </c>
      <c r="E508" s="27"/>
      <c r="F508" s="16" t="s">
        <v>313</v>
      </c>
    </row>
    <row r="509" spans="1:6" ht="24" x14ac:dyDescent="0.25">
      <c r="A509" s="15" t="s">
        <v>467</v>
      </c>
      <c r="B509" s="20" t="s">
        <v>466</v>
      </c>
      <c r="C509" s="16" t="s">
        <v>337</v>
      </c>
      <c r="D509" s="16" t="s">
        <v>483</v>
      </c>
      <c r="E509" s="16"/>
      <c r="F509" s="16" t="s">
        <v>313</v>
      </c>
    </row>
    <row r="510" spans="1:6" ht="24" x14ac:dyDescent="0.25">
      <c r="A510" s="15" t="s">
        <v>467</v>
      </c>
      <c r="B510" s="20" t="s">
        <v>466</v>
      </c>
      <c r="C510" s="16" t="s">
        <v>112</v>
      </c>
      <c r="D510" s="16" t="s">
        <v>482</v>
      </c>
      <c r="E510" s="16"/>
      <c r="F510" s="16" t="s">
        <v>313</v>
      </c>
    </row>
    <row r="511" spans="1:6" ht="24" x14ac:dyDescent="0.25">
      <c r="A511" s="15" t="s">
        <v>467</v>
      </c>
      <c r="B511" s="20" t="s">
        <v>466</v>
      </c>
      <c r="C511" s="16" t="s">
        <v>419</v>
      </c>
      <c r="D511" s="16" t="s">
        <v>481</v>
      </c>
      <c r="E511" s="16"/>
      <c r="F511" s="16" t="s">
        <v>313</v>
      </c>
    </row>
    <row r="512" spans="1:6" ht="24" x14ac:dyDescent="0.25">
      <c r="A512" s="15" t="s">
        <v>467</v>
      </c>
      <c r="B512" s="20" t="s">
        <v>466</v>
      </c>
      <c r="C512" s="16" t="s">
        <v>118</v>
      </c>
      <c r="D512" s="16" t="s">
        <v>480</v>
      </c>
      <c r="E512" s="16"/>
      <c r="F512" s="16" t="s">
        <v>313</v>
      </c>
    </row>
    <row r="513" spans="1:6" ht="24" x14ac:dyDescent="0.25">
      <c r="A513" s="15" t="s">
        <v>467</v>
      </c>
      <c r="B513" s="20" t="s">
        <v>466</v>
      </c>
      <c r="C513" s="16" t="s">
        <v>479</v>
      </c>
      <c r="D513" s="16" t="s">
        <v>478</v>
      </c>
      <c r="E513" s="16"/>
      <c r="F513" s="16" t="s">
        <v>313</v>
      </c>
    </row>
    <row r="514" spans="1:6" ht="24" x14ac:dyDescent="0.25">
      <c r="A514" s="15" t="s">
        <v>467</v>
      </c>
      <c r="B514" s="20" t="s">
        <v>466</v>
      </c>
      <c r="C514" s="16" t="s">
        <v>415</v>
      </c>
      <c r="D514" s="16" t="s">
        <v>477</v>
      </c>
      <c r="E514" s="16"/>
      <c r="F514" s="16" t="s">
        <v>313</v>
      </c>
    </row>
    <row r="515" spans="1:6" ht="24" x14ac:dyDescent="0.25">
      <c r="A515" s="15" t="s">
        <v>467</v>
      </c>
      <c r="B515" s="20" t="s">
        <v>466</v>
      </c>
      <c r="C515" s="16" t="s">
        <v>331</v>
      </c>
      <c r="D515" s="16" t="s">
        <v>476</v>
      </c>
      <c r="E515" s="16"/>
      <c r="F515" s="16" t="s">
        <v>313</v>
      </c>
    </row>
    <row r="516" spans="1:6" ht="24" x14ac:dyDescent="0.25">
      <c r="A516" s="15" t="s">
        <v>467</v>
      </c>
      <c r="B516" s="20" t="s">
        <v>466</v>
      </c>
      <c r="C516" s="16" t="s">
        <v>475</v>
      </c>
      <c r="D516" s="16" t="s">
        <v>474</v>
      </c>
      <c r="E516" s="16"/>
      <c r="F516" s="16" t="s">
        <v>313</v>
      </c>
    </row>
    <row r="517" spans="1:6" ht="24" x14ac:dyDescent="0.25">
      <c r="A517" s="15" t="s">
        <v>467</v>
      </c>
      <c r="B517" s="20" t="s">
        <v>466</v>
      </c>
      <c r="C517" s="16" t="s">
        <v>115</v>
      </c>
      <c r="D517" s="16" t="s">
        <v>473</v>
      </c>
      <c r="E517" s="16"/>
      <c r="F517" s="16" t="s">
        <v>313</v>
      </c>
    </row>
    <row r="518" spans="1:6" ht="24" x14ac:dyDescent="0.25">
      <c r="A518" s="15" t="s">
        <v>467</v>
      </c>
      <c r="B518" s="20" t="s">
        <v>466</v>
      </c>
      <c r="C518" s="16" t="s">
        <v>173</v>
      </c>
      <c r="D518" s="16" t="s">
        <v>472</v>
      </c>
      <c r="E518" s="16"/>
      <c r="F518" s="16" t="s">
        <v>313</v>
      </c>
    </row>
    <row r="519" spans="1:6" ht="24" x14ac:dyDescent="0.25">
      <c r="A519" s="15" t="s">
        <v>467</v>
      </c>
      <c r="B519" s="20" t="s">
        <v>466</v>
      </c>
      <c r="C519" s="16" t="s">
        <v>374</v>
      </c>
      <c r="D519" s="16" t="s">
        <v>471</v>
      </c>
      <c r="E519" s="16"/>
      <c r="F519" s="16" t="s">
        <v>313</v>
      </c>
    </row>
    <row r="520" spans="1:6" ht="24" x14ac:dyDescent="0.25">
      <c r="A520" s="15" t="s">
        <v>467</v>
      </c>
      <c r="B520" s="20" t="s">
        <v>466</v>
      </c>
      <c r="C520" s="16" t="s">
        <v>170</v>
      </c>
      <c r="D520" s="16" t="s">
        <v>470</v>
      </c>
      <c r="E520" s="16"/>
      <c r="F520" s="16" t="s">
        <v>313</v>
      </c>
    </row>
    <row r="521" spans="1:6" ht="24" x14ac:dyDescent="0.25">
      <c r="A521" s="15" t="s">
        <v>467</v>
      </c>
      <c r="B521" s="20" t="s">
        <v>466</v>
      </c>
      <c r="C521" s="16" t="s">
        <v>403</v>
      </c>
      <c r="D521" s="16" t="s">
        <v>469</v>
      </c>
      <c r="E521" s="16"/>
      <c r="F521" s="16" t="s">
        <v>313</v>
      </c>
    </row>
    <row r="522" spans="1:6" ht="24" x14ac:dyDescent="0.25">
      <c r="A522" s="15" t="s">
        <v>467</v>
      </c>
      <c r="B522" s="20" t="s">
        <v>466</v>
      </c>
      <c r="C522" s="16" t="s">
        <v>163</v>
      </c>
      <c r="D522" s="16" t="s">
        <v>468</v>
      </c>
      <c r="E522" s="16"/>
      <c r="F522" s="16" t="s">
        <v>313</v>
      </c>
    </row>
    <row r="523" spans="1:6" ht="24.75" thickBot="1" x14ac:dyDescent="0.3">
      <c r="A523" s="22" t="s">
        <v>467</v>
      </c>
      <c r="B523" s="23" t="s">
        <v>466</v>
      </c>
      <c r="C523" s="24" t="s">
        <v>465</v>
      </c>
      <c r="D523" s="24" t="s">
        <v>464</v>
      </c>
      <c r="E523" s="24"/>
      <c r="F523" s="16" t="s">
        <v>313</v>
      </c>
    </row>
    <row r="524" spans="1:6" ht="36.75" thickTop="1" x14ac:dyDescent="0.25">
      <c r="A524" s="25" t="s">
        <v>463</v>
      </c>
      <c r="B524" s="26" t="s">
        <v>462</v>
      </c>
      <c r="C524" s="27" t="s">
        <v>459</v>
      </c>
      <c r="D524" s="27" t="s">
        <v>458</v>
      </c>
      <c r="E524" s="27"/>
      <c r="F524" s="16" t="s">
        <v>313</v>
      </c>
    </row>
    <row r="525" spans="1:6" ht="36" x14ac:dyDescent="0.25">
      <c r="A525" s="15" t="s">
        <v>463</v>
      </c>
      <c r="B525" s="20" t="s">
        <v>462</v>
      </c>
      <c r="C525" s="16" t="s">
        <v>457</v>
      </c>
      <c r="D525" s="16" t="s">
        <v>456</v>
      </c>
      <c r="E525" s="16"/>
      <c r="F525" s="16" t="s">
        <v>313</v>
      </c>
    </row>
    <row r="526" spans="1:6" ht="36" x14ac:dyDescent="0.25">
      <c r="A526" s="15" t="s">
        <v>463</v>
      </c>
      <c r="B526" s="20" t="s">
        <v>462</v>
      </c>
      <c r="C526" s="16" t="s">
        <v>455</v>
      </c>
      <c r="D526" s="16" t="s">
        <v>454</v>
      </c>
      <c r="E526" s="16"/>
      <c r="F526" s="16" t="s">
        <v>313</v>
      </c>
    </row>
    <row r="527" spans="1:6" ht="36" x14ac:dyDescent="0.25">
      <c r="A527" s="15" t="s">
        <v>463</v>
      </c>
      <c r="B527" s="20" t="s">
        <v>462</v>
      </c>
      <c r="C527" s="16" t="s">
        <v>453</v>
      </c>
      <c r="D527" s="16" t="s">
        <v>452</v>
      </c>
      <c r="E527" s="16"/>
      <c r="F527" s="16" t="s">
        <v>313</v>
      </c>
    </row>
    <row r="528" spans="1:6" ht="36" x14ac:dyDescent="0.25">
      <c r="A528" s="15" t="s">
        <v>463</v>
      </c>
      <c r="B528" s="20" t="s">
        <v>462</v>
      </c>
      <c r="C528" s="16" t="s">
        <v>451</v>
      </c>
      <c r="D528" s="16" t="s">
        <v>450</v>
      </c>
      <c r="E528" s="16"/>
      <c r="F528" s="16" t="s">
        <v>313</v>
      </c>
    </row>
    <row r="529" spans="1:6" ht="36" x14ac:dyDescent="0.25">
      <c r="A529" s="15" t="s">
        <v>463</v>
      </c>
      <c r="B529" s="20" t="s">
        <v>462</v>
      </c>
      <c r="C529" s="16" t="s">
        <v>449</v>
      </c>
      <c r="D529" s="16" t="s">
        <v>448</v>
      </c>
      <c r="E529" s="16"/>
      <c r="F529" s="16" t="s">
        <v>313</v>
      </c>
    </row>
    <row r="530" spans="1:6" ht="36" x14ac:dyDescent="0.25">
      <c r="A530" s="15" t="s">
        <v>463</v>
      </c>
      <c r="B530" s="20" t="s">
        <v>462</v>
      </c>
      <c r="C530" s="16" t="s">
        <v>447</v>
      </c>
      <c r="D530" s="16" t="s">
        <v>446</v>
      </c>
      <c r="E530" s="16"/>
      <c r="F530" s="16" t="s">
        <v>313</v>
      </c>
    </row>
    <row r="531" spans="1:6" ht="36" x14ac:dyDescent="0.25">
      <c r="A531" s="15" t="s">
        <v>463</v>
      </c>
      <c r="B531" s="20" t="s">
        <v>462</v>
      </c>
      <c r="C531" s="16" t="s">
        <v>445</v>
      </c>
      <c r="D531" s="16" t="s">
        <v>444</v>
      </c>
      <c r="E531" s="16"/>
      <c r="F531" s="16" t="s">
        <v>313</v>
      </c>
    </row>
    <row r="532" spans="1:6" ht="36" x14ac:dyDescent="0.25">
      <c r="A532" s="15" t="s">
        <v>463</v>
      </c>
      <c r="B532" s="20" t="s">
        <v>462</v>
      </c>
      <c r="C532" s="16" t="s">
        <v>388</v>
      </c>
      <c r="D532" s="16" t="s">
        <v>443</v>
      </c>
      <c r="E532" s="16"/>
      <c r="F532" s="16" t="s">
        <v>313</v>
      </c>
    </row>
    <row r="533" spans="1:6" ht="36" x14ac:dyDescent="0.25">
      <c r="A533" s="15" t="s">
        <v>463</v>
      </c>
      <c r="B533" s="20" t="s">
        <v>462</v>
      </c>
      <c r="C533" s="16" t="s">
        <v>382</v>
      </c>
      <c r="D533" s="16" t="s">
        <v>442</v>
      </c>
      <c r="E533" s="16"/>
      <c r="F533" s="16" t="s">
        <v>313</v>
      </c>
    </row>
    <row r="534" spans="1:6" ht="36" x14ac:dyDescent="0.25">
      <c r="A534" s="15" t="s">
        <v>463</v>
      </c>
      <c r="B534" s="20" t="s">
        <v>462</v>
      </c>
      <c r="C534" s="16" t="s">
        <v>394</v>
      </c>
      <c r="D534" s="16" t="s">
        <v>441</v>
      </c>
      <c r="E534" s="16"/>
      <c r="F534" s="16" t="s">
        <v>313</v>
      </c>
    </row>
    <row r="535" spans="1:6" ht="36" x14ac:dyDescent="0.25">
      <c r="A535" s="15" t="s">
        <v>463</v>
      </c>
      <c r="B535" s="20" t="s">
        <v>462</v>
      </c>
      <c r="C535" s="16" t="s">
        <v>440</v>
      </c>
      <c r="D535" s="16" t="s">
        <v>439</v>
      </c>
      <c r="E535" s="16"/>
      <c r="F535" s="16" t="s">
        <v>313</v>
      </c>
    </row>
    <row r="536" spans="1:6" ht="36" x14ac:dyDescent="0.25">
      <c r="A536" s="15" t="s">
        <v>463</v>
      </c>
      <c r="B536" s="20" t="s">
        <v>462</v>
      </c>
      <c r="C536" s="16" t="s">
        <v>438</v>
      </c>
      <c r="D536" s="16" t="s">
        <v>437</v>
      </c>
      <c r="E536" s="16"/>
      <c r="F536" s="16" t="s">
        <v>313</v>
      </c>
    </row>
    <row r="537" spans="1:6" ht="36" x14ac:dyDescent="0.25">
      <c r="A537" s="15" t="s">
        <v>463</v>
      </c>
      <c r="B537" s="20" t="s">
        <v>462</v>
      </c>
      <c r="C537" s="16" t="s">
        <v>436</v>
      </c>
      <c r="D537" s="16" t="s">
        <v>435</v>
      </c>
      <c r="E537" s="16"/>
      <c r="F537" s="16" t="s">
        <v>313</v>
      </c>
    </row>
    <row r="538" spans="1:6" ht="36" x14ac:dyDescent="0.25">
      <c r="A538" s="15" t="s">
        <v>463</v>
      </c>
      <c r="B538" s="20" t="s">
        <v>462</v>
      </c>
      <c r="C538" s="16" t="s">
        <v>377</v>
      </c>
      <c r="D538" s="16" t="s">
        <v>434</v>
      </c>
      <c r="E538" s="16"/>
      <c r="F538" s="16" t="s">
        <v>313</v>
      </c>
    </row>
    <row r="539" spans="1:6" ht="36" x14ac:dyDescent="0.25">
      <c r="A539" s="15" t="s">
        <v>463</v>
      </c>
      <c r="B539" s="20" t="s">
        <v>462</v>
      </c>
      <c r="C539" s="16" t="s">
        <v>391</v>
      </c>
      <c r="D539" s="16" t="s">
        <v>433</v>
      </c>
      <c r="E539" s="16"/>
      <c r="F539" s="16" t="s">
        <v>313</v>
      </c>
    </row>
    <row r="540" spans="1:6" ht="36.75" thickBot="1" x14ac:dyDescent="0.3">
      <c r="A540" s="22" t="s">
        <v>463</v>
      </c>
      <c r="B540" s="23" t="s">
        <v>462</v>
      </c>
      <c r="C540" s="24" t="s">
        <v>397</v>
      </c>
      <c r="D540" s="24" t="s">
        <v>430</v>
      </c>
      <c r="E540" s="24"/>
      <c r="F540" s="16" t="s">
        <v>313</v>
      </c>
    </row>
    <row r="541" spans="1:6" ht="36.75" thickTop="1" x14ac:dyDescent="0.25">
      <c r="A541" s="25" t="s">
        <v>461</v>
      </c>
      <c r="B541" s="26" t="s">
        <v>460</v>
      </c>
      <c r="C541" s="27" t="s">
        <v>459</v>
      </c>
      <c r="D541" s="27" t="s">
        <v>458</v>
      </c>
      <c r="E541" s="27"/>
      <c r="F541" s="16" t="s">
        <v>313</v>
      </c>
    </row>
    <row r="542" spans="1:6" ht="36" x14ac:dyDescent="0.25">
      <c r="A542" s="15" t="s">
        <v>461</v>
      </c>
      <c r="B542" s="20" t="s">
        <v>460</v>
      </c>
      <c r="C542" s="16" t="s">
        <v>457</v>
      </c>
      <c r="D542" s="16" t="s">
        <v>456</v>
      </c>
      <c r="E542" s="16"/>
      <c r="F542" s="16" t="s">
        <v>313</v>
      </c>
    </row>
    <row r="543" spans="1:6" ht="36" x14ac:dyDescent="0.25">
      <c r="A543" s="15" t="s">
        <v>461</v>
      </c>
      <c r="B543" s="20" t="s">
        <v>460</v>
      </c>
      <c r="C543" s="16" t="s">
        <v>455</v>
      </c>
      <c r="D543" s="16" t="s">
        <v>454</v>
      </c>
      <c r="E543" s="16"/>
      <c r="F543" s="16" t="s">
        <v>313</v>
      </c>
    </row>
    <row r="544" spans="1:6" ht="36" x14ac:dyDescent="0.25">
      <c r="A544" s="15" t="s">
        <v>461</v>
      </c>
      <c r="B544" s="20" t="s">
        <v>460</v>
      </c>
      <c r="C544" s="16" t="s">
        <v>453</v>
      </c>
      <c r="D544" s="16" t="s">
        <v>452</v>
      </c>
      <c r="E544" s="16"/>
      <c r="F544" s="16" t="s">
        <v>313</v>
      </c>
    </row>
    <row r="545" spans="1:6" ht="36" x14ac:dyDescent="0.25">
      <c r="A545" s="15" t="s">
        <v>461</v>
      </c>
      <c r="B545" s="20" t="s">
        <v>460</v>
      </c>
      <c r="C545" s="16" t="s">
        <v>451</v>
      </c>
      <c r="D545" s="16" t="s">
        <v>450</v>
      </c>
      <c r="E545" s="16"/>
      <c r="F545" s="16" t="s">
        <v>313</v>
      </c>
    </row>
    <row r="546" spans="1:6" ht="36" x14ac:dyDescent="0.25">
      <c r="A546" s="15" t="s">
        <v>461</v>
      </c>
      <c r="B546" s="20" t="s">
        <v>460</v>
      </c>
      <c r="C546" s="16" t="s">
        <v>449</v>
      </c>
      <c r="D546" s="16" t="s">
        <v>448</v>
      </c>
      <c r="E546" s="16"/>
      <c r="F546" s="16" t="s">
        <v>313</v>
      </c>
    </row>
    <row r="547" spans="1:6" ht="36" x14ac:dyDescent="0.25">
      <c r="A547" s="15" t="s">
        <v>461</v>
      </c>
      <c r="B547" s="20" t="s">
        <v>460</v>
      </c>
      <c r="C547" s="16" t="s">
        <v>447</v>
      </c>
      <c r="D547" s="16" t="s">
        <v>446</v>
      </c>
      <c r="E547" s="16"/>
      <c r="F547" s="16" t="s">
        <v>313</v>
      </c>
    </row>
    <row r="548" spans="1:6" ht="36" x14ac:dyDescent="0.25">
      <c r="A548" s="15" t="s">
        <v>461</v>
      </c>
      <c r="B548" s="20" t="s">
        <v>460</v>
      </c>
      <c r="C548" s="16" t="s">
        <v>445</v>
      </c>
      <c r="D548" s="16" t="s">
        <v>444</v>
      </c>
      <c r="E548" s="16"/>
      <c r="F548" s="16" t="s">
        <v>313</v>
      </c>
    </row>
    <row r="549" spans="1:6" ht="36" x14ac:dyDescent="0.25">
      <c r="A549" s="15" t="s">
        <v>461</v>
      </c>
      <c r="B549" s="20" t="s">
        <v>460</v>
      </c>
      <c r="C549" s="16" t="s">
        <v>388</v>
      </c>
      <c r="D549" s="16" t="s">
        <v>443</v>
      </c>
      <c r="E549" s="16"/>
      <c r="F549" s="16" t="s">
        <v>313</v>
      </c>
    </row>
    <row r="550" spans="1:6" ht="36" x14ac:dyDescent="0.25">
      <c r="A550" s="15" t="s">
        <v>461</v>
      </c>
      <c r="B550" s="20" t="s">
        <v>460</v>
      </c>
      <c r="C550" s="16" t="s">
        <v>382</v>
      </c>
      <c r="D550" s="16" t="s">
        <v>442</v>
      </c>
      <c r="E550" s="16"/>
      <c r="F550" s="16" t="s">
        <v>313</v>
      </c>
    </row>
    <row r="551" spans="1:6" ht="36" x14ac:dyDescent="0.25">
      <c r="A551" s="15" t="s">
        <v>461</v>
      </c>
      <c r="B551" s="20" t="s">
        <v>460</v>
      </c>
      <c r="C551" s="16" t="s">
        <v>394</v>
      </c>
      <c r="D551" s="16" t="s">
        <v>441</v>
      </c>
      <c r="E551" s="16"/>
      <c r="F551" s="16" t="s">
        <v>313</v>
      </c>
    </row>
    <row r="552" spans="1:6" ht="36" x14ac:dyDescent="0.25">
      <c r="A552" s="15" t="s">
        <v>461</v>
      </c>
      <c r="B552" s="20" t="s">
        <v>460</v>
      </c>
      <c r="C552" s="16" t="s">
        <v>440</v>
      </c>
      <c r="D552" s="16" t="s">
        <v>439</v>
      </c>
      <c r="E552" s="16"/>
      <c r="F552" s="16" t="s">
        <v>313</v>
      </c>
    </row>
    <row r="553" spans="1:6" ht="36" x14ac:dyDescent="0.25">
      <c r="A553" s="15" t="s">
        <v>461</v>
      </c>
      <c r="B553" s="20" t="s">
        <v>460</v>
      </c>
      <c r="C553" s="16" t="s">
        <v>438</v>
      </c>
      <c r="D553" s="16" t="s">
        <v>437</v>
      </c>
      <c r="E553" s="16"/>
      <c r="F553" s="16" t="s">
        <v>313</v>
      </c>
    </row>
    <row r="554" spans="1:6" ht="36" x14ac:dyDescent="0.25">
      <c r="A554" s="15" t="s">
        <v>461</v>
      </c>
      <c r="B554" s="20" t="s">
        <v>460</v>
      </c>
      <c r="C554" s="16" t="s">
        <v>436</v>
      </c>
      <c r="D554" s="16" t="s">
        <v>435</v>
      </c>
      <c r="E554" s="16"/>
      <c r="F554" s="16" t="s">
        <v>313</v>
      </c>
    </row>
    <row r="555" spans="1:6" ht="36" x14ac:dyDescent="0.25">
      <c r="A555" s="15" t="s">
        <v>461</v>
      </c>
      <c r="B555" s="20" t="s">
        <v>460</v>
      </c>
      <c r="C555" s="16" t="s">
        <v>377</v>
      </c>
      <c r="D555" s="16" t="s">
        <v>434</v>
      </c>
      <c r="E555" s="16"/>
      <c r="F555" s="16" t="s">
        <v>313</v>
      </c>
    </row>
    <row r="556" spans="1:6" ht="36" x14ac:dyDescent="0.25">
      <c r="A556" s="15" t="s">
        <v>461</v>
      </c>
      <c r="B556" s="20" t="s">
        <v>460</v>
      </c>
      <c r="C556" s="16" t="s">
        <v>391</v>
      </c>
      <c r="D556" s="16" t="s">
        <v>433</v>
      </c>
      <c r="E556" s="16"/>
      <c r="F556" s="16" t="s">
        <v>313</v>
      </c>
    </row>
    <row r="557" spans="1:6" ht="36.75" thickBot="1" x14ac:dyDescent="0.3">
      <c r="A557" s="22" t="s">
        <v>461</v>
      </c>
      <c r="B557" s="23" t="s">
        <v>460</v>
      </c>
      <c r="C557" s="24" t="s">
        <v>397</v>
      </c>
      <c r="D557" s="24" t="s">
        <v>430</v>
      </c>
      <c r="E557" s="24"/>
      <c r="F557" s="16" t="s">
        <v>313</v>
      </c>
    </row>
    <row r="558" spans="1:6" ht="36.75" thickTop="1" x14ac:dyDescent="0.25">
      <c r="A558" s="25" t="s">
        <v>432</v>
      </c>
      <c r="B558" s="26" t="s">
        <v>431</v>
      </c>
      <c r="C558" s="27" t="s">
        <v>459</v>
      </c>
      <c r="D558" s="27" t="s">
        <v>458</v>
      </c>
      <c r="E558" s="27"/>
      <c r="F558" s="16" t="s">
        <v>313</v>
      </c>
    </row>
    <row r="559" spans="1:6" ht="36" x14ac:dyDescent="0.25">
      <c r="A559" s="15" t="s">
        <v>432</v>
      </c>
      <c r="B559" s="20" t="s">
        <v>431</v>
      </c>
      <c r="C559" s="16" t="s">
        <v>457</v>
      </c>
      <c r="D559" s="16" t="s">
        <v>456</v>
      </c>
      <c r="E559" s="16"/>
      <c r="F559" s="16" t="s">
        <v>313</v>
      </c>
    </row>
    <row r="560" spans="1:6" ht="36" x14ac:dyDescent="0.25">
      <c r="A560" s="15" t="s">
        <v>432</v>
      </c>
      <c r="B560" s="20" t="s">
        <v>431</v>
      </c>
      <c r="C560" s="16" t="s">
        <v>455</v>
      </c>
      <c r="D560" s="16" t="s">
        <v>454</v>
      </c>
      <c r="E560" s="16"/>
      <c r="F560" s="16" t="s">
        <v>313</v>
      </c>
    </row>
    <row r="561" spans="1:6" ht="36" x14ac:dyDescent="0.25">
      <c r="A561" s="15" t="s">
        <v>432</v>
      </c>
      <c r="B561" s="20" t="s">
        <v>431</v>
      </c>
      <c r="C561" s="16" t="s">
        <v>453</v>
      </c>
      <c r="D561" s="16" t="s">
        <v>452</v>
      </c>
      <c r="E561" s="16"/>
      <c r="F561" s="16" t="s">
        <v>313</v>
      </c>
    </row>
    <row r="562" spans="1:6" ht="36" x14ac:dyDescent="0.25">
      <c r="A562" s="15" t="s">
        <v>432</v>
      </c>
      <c r="B562" s="20" t="s">
        <v>431</v>
      </c>
      <c r="C562" s="16" t="s">
        <v>451</v>
      </c>
      <c r="D562" s="16" t="s">
        <v>450</v>
      </c>
      <c r="E562" s="16"/>
      <c r="F562" s="16" t="s">
        <v>313</v>
      </c>
    </row>
    <row r="563" spans="1:6" ht="36" x14ac:dyDescent="0.25">
      <c r="A563" s="15" t="s">
        <v>432</v>
      </c>
      <c r="B563" s="20" t="s">
        <v>431</v>
      </c>
      <c r="C563" s="16" t="s">
        <v>449</v>
      </c>
      <c r="D563" s="16" t="s">
        <v>448</v>
      </c>
      <c r="E563" s="16"/>
      <c r="F563" s="16" t="s">
        <v>313</v>
      </c>
    </row>
    <row r="564" spans="1:6" ht="36" x14ac:dyDescent="0.25">
      <c r="A564" s="15" t="s">
        <v>432</v>
      </c>
      <c r="B564" s="20" t="s">
        <v>431</v>
      </c>
      <c r="C564" s="16" t="s">
        <v>447</v>
      </c>
      <c r="D564" s="16" t="s">
        <v>446</v>
      </c>
      <c r="E564" s="16"/>
      <c r="F564" s="16" t="s">
        <v>313</v>
      </c>
    </row>
    <row r="565" spans="1:6" ht="36" x14ac:dyDescent="0.25">
      <c r="A565" s="15" t="s">
        <v>432</v>
      </c>
      <c r="B565" s="20" t="s">
        <v>431</v>
      </c>
      <c r="C565" s="16" t="s">
        <v>445</v>
      </c>
      <c r="D565" s="16" t="s">
        <v>444</v>
      </c>
      <c r="E565" s="16"/>
      <c r="F565" s="16" t="s">
        <v>313</v>
      </c>
    </row>
    <row r="566" spans="1:6" ht="36" x14ac:dyDescent="0.25">
      <c r="A566" s="15" t="s">
        <v>432</v>
      </c>
      <c r="B566" s="20" t="s">
        <v>431</v>
      </c>
      <c r="C566" s="16" t="s">
        <v>388</v>
      </c>
      <c r="D566" s="16" t="s">
        <v>443</v>
      </c>
      <c r="E566" s="16"/>
      <c r="F566" s="16" t="s">
        <v>313</v>
      </c>
    </row>
    <row r="567" spans="1:6" ht="36" x14ac:dyDescent="0.25">
      <c r="A567" s="15" t="s">
        <v>432</v>
      </c>
      <c r="B567" s="20" t="s">
        <v>431</v>
      </c>
      <c r="C567" s="16" t="s">
        <v>382</v>
      </c>
      <c r="D567" s="16" t="s">
        <v>442</v>
      </c>
      <c r="E567" s="16"/>
      <c r="F567" s="16" t="s">
        <v>313</v>
      </c>
    </row>
    <row r="568" spans="1:6" ht="36" x14ac:dyDescent="0.25">
      <c r="A568" s="15" t="s">
        <v>432</v>
      </c>
      <c r="B568" s="20" t="s">
        <v>431</v>
      </c>
      <c r="C568" s="16" t="s">
        <v>394</v>
      </c>
      <c r="D568" s="16" t="s">
        <v>441</v>
      </c>
      <c r="E568" s="16"/>
      <c r="F568" s="16" t="s">
        <v>313</v>
      </c>
    </row>
    <row r="569" spans="1:6" ht="36" x14ac:dyDescent="0.25">
      <c r="A569" s="15" t="s">
        <v>432</v>
      </c>
      <c r="B569" s="20" t="s">
        <v>431</v>
      </c>
      <c r="C569" s="16" t="s">
        <v>440</v>
      </c>
      <c r="D569" s="16" t="s">
        <v>439</v>
      </c>
      <c r="E569" s="16"/>
      <c r="F569" s="16" t="s">
        <v>313</v>
      </c>
    </row>
    <row r="570" spans="1:6" ht="36" x14ac:dyDescent="0.25">
      <c r="A570" s="15" t="s">
        <v>432</v>
      </c>
      <c r="B570" s="20" t="s">
        <v>431</v>
      </c>
      <c r="C570" s="16" t="s">
        <v>438</v>
      </c>
      <c r="D570" s="16" t="s">
        <v>437</v>
      </c>
      <c r="E570" s="16"/>
      <c r="F570" s="16" t="s">
        <v>313</v>
      </c>
    </row>
    <row r="571" spans="1:6" ht="36" x14ac:dyDescent="0.25">
      <c r="A571" s="15" t="s">
        <v>432</v>
      </c>
      <c r="B571" s="20" t="s">
        <v>431</v>
      </c>
      <c r="C571" s="16" t="s">
        <v>436</v>
      </c>
      <c r="D571" s="16" t="s">
        <v>435</v>
      </c>
      <c r="E571" s="16"/>
      <c r="F571" s="16" t="s">
        <v>313</v>
      </c>
    </row>
    <row r="572" spans="1:6" ht="36" x14ac:dyDescent="0.25">
      <c r="A572" s="15" t="s">
        <v>432</v>
      </c>
      <c r="B572" s="20" t="s">
        <v>431</v>
      </c>
      <c r="C572" s="16" t="s">
        <v>377</v>
      </c>
      <c r="D572" s="16" t="s">
        <v>434</v>
      </c>
      <c r="E572" s="16"/>
      <c r="F572" s="16" t="s">
        <v>313</v>
      </c>
    </row>
    <row r="573" spans="1:6" ht="36" x14ac:dyDescent="0.25">
      <c r="A573" s="15" t="s">
        <v>432</v>
      </c>
      <c r="B573" s="20" t="s">
        <v>431</v>
      </c>
      <c r="C573" s="16" t="s">
        <v>391</v>
      </c>
      <c r="D573" s="16" t="s">
        <v>433</v>
      </c>
      <c r="E573" s="16"/>
      <c r="F573" s="16" t="s">
        <v>313</v>
      </c>
    </row>
    <row r="574" spans="1:6" ht="36.75" thickBot="1" x14ac:dyDescent="0.3">
      <c r="A574" s="22" t="s">
        <v>432</v>
      </c>
      <c r="B574" s="23" t="s">
        <v>431</v>
      </c>
      <c r="C574" s="24" t="s">
        <v>397</v>
      </c>
      <c r="D574" s="24" t="s">
        <v>430</v>
      </c>
      <c r="E574" s="24"/>
      <c r="F574" s="16" t="s">
        <v>313</v>
      </c>
    </row>
    <row r="575" spans="1:6" ht="36.75" thickTop="1" x14ac:dyDescent="0.25">
      <c r="A575" s="25" t="s">
        <v>429</v>
      </c>
      <c r="B575" s="26" t="s">
        <v>428</v>
      </c>
      <c r="C575" s="27" t="s">
        <v>425</v>
      </c>
      <c r="D575" s="27" t="s">
        <v>424</v>
      </c>
      <c r="E575" s="27"/>
      <c r="F575" s="16" t="s">
        <v>313</v>
      </c>
    </row>
    <row r="576" spans="1:6" ht="36" x14ac:dyDescent="0.25">
      <c r="A576" s="15" t="s">
        <v>429</v>
      </c>
      <c r="B576" s="20" t="s">
        <v>428</v>
      </c>
      <c r="C576" s="16" t="s">
        <v>423</v>
      </c>
      <c r="D576" s="16" t="s">
        <v>422</v>
      </c>
      <c r="E576" s="16"/>
      <c r="F576" s="16" t="s">
        <v>313</v>
      </c>
    </row>
    <row r="577" spans="1:6" ht="36" x14ac:dyDescent="0.25">
      <c r="A577" s="15" t="s">
        <v>429</v>
      </c>
      <c r="B577" s="20" t="s">
        <v>428</v>
      </c>
      <c r="C577" s="16" t="s">
        <v>337</v>
      </c>
      <c r="D577" s="16" t="s">
        <v>421</v>
      </c>
      <c r="E577" s="16"/>
      <c r="F577" s="16" t="s">
        <v>313</v>
      </c>
    </row>
    <row r="578" spans="1:6" ht="36" x14ac:dyDescent="0.25">
      <c r="A578" s="15" t="s">
        <v>429</v>
      </c>
      <c r="B578" s="20" t="s">
        <v>428</v>
      </c>
      <c r="C578" s="16" t="s">
        <v>112</v>
      </c>
      <c r="D578" s="16" t="s">
        <v>420</v>
      </c>
      <c r="E578" s="16"/>
      <c r="F578" s="16" t="s">
        <v>313</v>
      </c>
    </row>
    <row r="579" spans="1:6" ht="36" x14ac:dyDescent="0.25">
      <c r="A579" s="15" t="s">
        <v>429</v>
      </c>
      <c r="B579" s="20" t="s">
        <v>428</v>
      </c>
      <c r="C579" s="16" t="s">
        <v>419</v>
      </c>
      <c r="D579" s="16" t="s">
        <v>418</v>
      </c>
      <c r="E579" s="16"/>
      <c r="F579" s="16" t="s">
        <v>313</v>
      </c>
    </row>
    <row r="580" spans="1:6" ht="36" x14ac:dyDescent="0.25">
      <c r="A580" s="15" t="s">
        <v>429</v>
      </c>
      <c r="B580" s="20" t="s">
        <v>428</v>
      </c>
      <c r="C580" s="16" t="s">
        <v>118</v>
      </c>
      <c r="D580" s="16" t="s">
        <v>417</v>
      </c>
      <c r="E580" s="16"/>
      <c r="F580" s="16" t="s">
        <v>313</v>
      </c>
    </row>
    <row r="581" spans="1:6" ht="36" x14ac:dyDescent="0.25">
      <c r="A581" s="15" t="s">
        <v>429</v>
      </c>
      <c r="B581" s="20" t="s">
        <v>428</v>
      </c>
      <c r="C581" s="16" t="s">
        <v>181</v>
      </c>
      <c r="D581" s="16" t="s">
        <v>416</v>
      </c>
      <c r="E581" s="16"/>
      <c r="F581" s="16" t="s">
        <v>313</v>
      </c>
    </row>
    <row r="582" spans="1:6" ht="36" x14ac:dyDescent="0.25">
      <c r="A582" s="15" t="s">
        <v>429</v>
      </c>
      <c r="B582" s="20" t="s">
        <v>428</v>
      </c>
      <c r="C582" s="16" t="s">
        <v>415</v>
      </c>
      <c r="D582" s="16" t="s">
        <v>414</v>
      </c>
      <c r="E582" s="16"/>
      <c r="F582" s="16" t="s">
        <v>313</v>
      </c>
    </row>
    <row r="583" spans="1:6" ht="36" x14ac:dyDescent="0.25">
      <c r="A583" s="15" t="s">
        <v>429</v>
      </c>
      <c r="B583" s="20" t="s">
        <v>428</v>
      </c>
      <c r="C583" s="16" t="s">
        <v>413</v>
      </c>
      <c r="D583" s="16" t="s">
        <v>412</v>
      </c>
      <c r="E583" s="16"/>
      <c r="F583" s="16" t="s">
        <v>313</v>
      </c>
    </row>
    <row r="584" spans="1:6" ht="36" x14ac:dyDescent="0.25">
      <c r="A584" s="15" t="s">
        <v>429</v>
      </c>
      <c r="B584" s="20" t="s">
        <v>428</v>
      </c>
      <c r="C584" s="16" t="s">
        <v>333</v>
      </c>
      <c r="D584" s="16" t="s">
        <v>411</v>
      </c>
      <c r="E584" s="16"/>
      <c r="F584" s="16" t="s">
        <v>313</v>
      </c>
    </row>
    <row r="585" spans="1:6" ht="36" x14ac:dyDescent="0.25">
      <c r="A585" s="15" t="s">
        <v>429</v>
      </c>
      <c r="B585" s="20" t="s">
        <v>428</v>
      </c>
      <c r="C585" s="16" t="s">
        <v>331</v>
      </c>
      <c r="D585" s="16" t="s">
        <v>410</v>
      </c>
      <c r="E585" s="16"/>
      <c r="F585" s="16" t="s">
        <v>313</v>
      </c>
    </row>
    <row r="586" spans="1:6" ht="36" x14ac:dyDescent="0.25">
      <c r="A586" s="15" t="s">
        <v>429</v>
      </c>
      <c r="B586" s="20" t="s">
        <v>428</v>
      </c>
      <c r="C586" s="16" t="s">
        <v>115</v>
      </c>
      <c r="D586" s="16" t="s">
        <v>409</v>
      </c>
      <c r="E586" s="16"/>
      <c r="F586" s="16" t="s">
        <v>313</v>
      </c>
    </row>
    <row r="587" spans="1:6" ht="36" x14ac:dyDescent="0.25">
      <c r="A587" s="15" t="s">
        <v>429</v>
      </c>
      <c r="B587" s="20" t="s">
        <v>428</v>
      </c>
      <c r="C587" s="16" t="s">
        <v>120</v>
      </c>
      <c r="D587" s="16" t="s">
        <v>408</v>
      </c>
      <c r="E587" s="16"/>
      <c r="F587" s="16" t="s">
        <v>313</v>
      </c>
    </row>
    <row r="588" spans="1:6" ht="36" x14ac:dyDescent="0.25">
      <c r="A588" s="15" t="s">
        <v>429</v>
      </c>
      <c r="B588" s="20" t="s">
        <v>428</v>
      </c>
      <c r="C588" s="16" t="s">
        <v>335</v>
      </c>
      <c r="D588" s="16" t="s">
        <v>407</v>
      </c>
      <c r="E588" s="16"/>
      <c r="F588" s="16" t="s">
        <v>313</v>
      </c>
    </row>
    <row r="589" spans="1:6" ht="36" x14ac:dyDescent="0.25">
      <c r="A589" s="15" t="s">
        <v>429</v>
      </c>
      <c r="B589" s="20" t="s">
        <v>428</v>
      </c>
      <c r="C589" s="16" t="s">
        <v>374</v>
      </c>
      <c r="D589" s="16" t="s">
        <v>406</v>
      </c>
      <c r="E589" s="16"/>
      <c r="F589" s="16" t="s">
        <v>313</v>
      </c>
    </row>
    <row r="590" spans="1:6" ht="36" x14ac:dyDescent="0.25">
      <c r="A590" s="15" t="s">
        <v>429</v>
      </c>
      <c r="B590" s="20" t="s">
        <v>428</v>
      </c>
      <c r="C590" s="16" t="s">
        <v>101</v>
      </c>
      <c r="D590" s="16" t="s">
        <v>405</v>
      </c>
      <c r="E590" s="16"/>
      <c r="F590" s="16" t="s">
        <v>313</v>
      </c>
    </row>
    <row r="591" spans="1:6" ht="36" x14ac:dyDescent="0.25">
      <c r="A591" s="15" t="s">
        <v>429</v>
      </c>
      <c r="B591" s="20" t="s">
        <v>428</v>
      </c>
      <c r="C591" s="16" t="s">
        <v>170</v>
      </c>
      <c r="D591" s="16" t="s">
        <v>404</v>
      </c>
      <c r="E591" s="16"/>
      <c r="F591" s="16" t="s">
        <v>313</v>
      </c>
    </row>
    <row r="592" spans="1:6" ht="36" x14ac:dyDescent="0.25">
      <c r="A592" s="15" t="s">
        <v>429</v>
      </c>
      <c r="B592" s="20" t="s">
        <v>428</v>
      </c>
      <c r="C592" s="16" t="s">
        <v>403</v>
      </c>
      <c r="D592" s="16" t="s">
        <v>402</v>
      </c>
      <c r="E592" s="16"/>
      <c r="F592" s="16" t="s">
        <v>313</v>
      </c>
    </row>
    <row r="593" spans="1:6" ht="36" x14ac:dyDescent="0.25">
      <c r="A593" s="15" t="s">
        <v>429</v>
      </c>
      <c r="B593" s="20" t="s">
        <v>428</v>
      </c>
      <c r="C593" s="16" t="s">
        <v>163</v>
      </c>
      <c r="D593" s="16" t="s">
        <v>401</v>
      </c>
      <c r="E593" s="16"/>
      <c r="F593" s="16" t="s">
        <v>313</v>
      </c>
    </row>
    <row r="594" spans="1:6" ht="36" x14ac:dyDescent="0.25">
      <c r="A594" s="15" t="s">
        <v>429</v>
      </c>
      <c r="B594" s="20" t="s">
        <v>428</v>
      </c>
      <c r="C594" s="16" t="s">
        <v>327</v>
      </c>
      <c r="D594" s="16" t="s">
        <v>323</v>
      </c>
      <c r="E594" s="16"/>
      <c r="F594" s="16" t="s">
        <v>313</v>
      </c>
    </row>
    <row r="595" spans="1:6" ht="36.75" thickBot="1" x14ac:dyDescent="0.3">
      <c r="A595" s="22" t="s">
        <v>429</v>
      </c>
      <c r="B595" s="23" t="s">
        <v>428</v>
      </c>
      <c r="C595" s="24" t="s">
        <v>324</v>
      </c>
      <c r="D595" s="24" t="s">
        <v>398</v>
      </c>
      <c r="E595" s="24"/>
      <c r="F595" s="16" t="s">
        <v>313</v>
      </c>
    </row>
    <row r="596" spans="1:6" ht="36.75" thickTop="1" x14ac:dyDescent="0.25">
      <c r="A596" s="25" t="s">
        <v>427</v>
      </c>
      <c r="B596" s="26" t="s">
        <v>426</v>
      </c>
      <c r="C596" s="27" t="s">
        <v>425</v>
      </c>
      <c r="D596" s="27" t="s">
        <v>424</v>
      </c>
      <c r="E596" s="27"/>
      <c r="F596" s="16" t="s">
        <v>313</v>
      </c>
    </row>
    <row r="597" spans="1:6" ht="36" x14ac:dyDescent="0.25">
      <c r="A597" s="15" t="s">
        <v>427</v>
      </c>
      <c r="B597" s="20" t="s">
        <v>426</v>
      </c>
      <c r="C597" s="16" t="s">
        <v>423</v>
      </c>
      <c r="D597" s="16" t="s">
        <v>422</v>
      </c>
      <c r="E597" s="16"/>
      <c r="F597" s="16" t="s">
        <v>313</v>
      </c>
    </row>
    <row r="598" spans="1:6" ht="36" x14ac:dyDescent="0.25">
      <c r="A598" s="15" t="s">
        <v>427</v>
      </c>
      <c r="B598" s="20" t="s">
        <v>426</v>
      </c>
      <c r="C598" s="16" t="s">
        <v>337</v>
      </c>
      <c r="D598" s="16" t="s">
        <v>421</v>
      </c>
      <c r="E598" s="16"/>
      <c r="F598" s="16" t="s">
        <v>313</v>
      </c>
    </row>
    <row r="599" spans="1:6" ht="36" x14ac:dyDescent="0.25">
      <c r="A599" s="15" t="s">
        <v>427</v>
      </c>
      <c r="B599" s="20" t="s">
        <v>426</v>
      </c>
      <c r="C599" s="16" t="s">
        <v>112</v>
      </c>
      <c r="D599" s="16" t="s">
        <v>420</v>
      </c>
      <c r="E599" s="16"/>
      <c r="F599" s="16" t="s">
        <v>313</v>
      </c>
    </row>
    <row r="600" spans="1:6" ht="36" x14ac:dyDescent="0.25">
      <c r="A600" s="15" t="s">
        <v>427</v>
      </c>
      <c r="B600" s="20" t="s">
        <v>426</v>
      </c>
      <c r="C600" s="16" t="s">
        <v>419</v>
      </c>
      <c r="D600" s="16" t="s">
        <v>418</v>
      </c>
      <c r="E600" s="16"/>
      <c r="F600" s="16" t="s">
        <v>313</v>
      </c>
    </row>
    <row r="601" spans="1:6" ht="36" x14ac:dyDescent="0.25">
      <c r="A601" s="15" t="s">
        <v>427</v>
      </c>
      <c r="B601" s="20" t="s">
        <v>426</v>
      </c>
      <c r="C601" s="16" t="s">
        <v>118</v>
      </c>
      <c r="D601" s="16" t="s">
        <v>417</v>
      </c>
      <c r="E601" s="16"/>
      <c r="F601" s="16" t="s">
        <v>313</v>
      </c>
    </row>
    <row r="602" spans="1:6" ht="36" x14ac:dyDescent="0.25">
      <c r="A602" s="15" t="s">
        <v>427</v>
      </c>
      <c r="B602" s="20" t="s">
        <v>426</v>
      </c>
      <c r="C602" s="16" t="s">
        <v>181</v>
      </c>
      <c r="D602" s="16" t="s">
        <v>416</v>
      </c>
      <c r="E602" s="16"/>
      <c r="F602" s="16" t="s">
        <v>313</v>
      </c>
    </row>
    <row r="603" spans="1:6" ht="36" x14ac:dyDescent="0.25">
      <c r="A603" s="15" t="s">
        <v>427</v>
      </c>
      <c r="B603" s="20" t="s">
        <v>426</v>
      </c>
      <c r="C603" s="16" t="s">
        <v>415</v>
      </c>
      <c r="D603" s="16" t="s">
        <v>414</v>
      </c>
      <c r="E603" s="16"/>
      <c r="F603" s="16" t="s">
        <v>313</v>
      </c>
    </row>
    <row r="604" spans="1:6" ht="36" x14ac:dyDescent="0.25">
      <c r="A604" s="15" t="s">
        <v>427</v>
      </c>
      <c r="B604" s="20" t="s">
        <v>426</v>
      </c>
      <c r="C604" s="16" t="s">
        <v>413</v>
      </c>
      <c r="D604" s="16" t="s">
        <v>412</v>
      </c>
      <c r="E604" s="16"/>
      <c r="F604" s="16" t="s">
        <v>313</v>
      </c>
    </row>
    <row r="605" spans="1:6" ht="36" x14ac:dyDescent="0.25">
      <c r="A605" s="15" t="s">
        <v>427</v>
      </c>
      <c r="B605" s="20" t="s">
        <v>426</v>
      </c>
      <c r="C605" s="16" t="s">
        <v>333</v>
      </c>
      <c r="D605" s="16" t="s">
        <v>411</v>
      </c>
      <c r="E605" s="16"/>
      <c r="F605" s="16" t="s">
        <v>313</v>
      </c>
    </row>
    <row r="606" spans="1:6" ht="36" x14ac:dyDescent="0.25">
      <c r="A606" s="15" t="s">
        <v>427</v>
      </c>
      <c r="B606" s="20" t="s">
        <v>426</v>
      </c>
      <c r="C606" s="16" t="s">
        <v>331</v>
      </c>
      <c r="D606" s="16" t="s">
        <v>410</v>
      </c>
      <c r="E606" s="16"/>
      <c r="F606" s="16" t="s">
        <v>313</v>
      </c>
    </row>
    <row r="607" spans="1:6" ht="36" x14ac:dyDescent="0.25">
      <c r="A607" s="15" t="s">
        <v>427</v>
      </c>
      <c r="B607" s="20" t="s">
        <v>426</v>
      </c>
      <c r="C607" s="16" t="s">
        <v>115</v>
      </c>
      <c r="D607" s="16" t="s">
        <v>409</v>
      </c>
      <c r="E607" s="16"/>
      <c r="F607" s="16" t="s">
        <v>313</v>
      </c>
    </row>
    <row r="608" spans="1:6" ht="36" x14ac:dyDescent="0.25">
      <c r="A608" s="15" t="s">
        <v>427</v>
      </c>
      <c r="B608" s="20" t="s">
        <v>426</v>
      </c>
      <c r="C608" s="16" t="s">
        <v>120</v>
      </c>
      <c r="D608" s="16" t="s">
        <v>408</v>
      </c>
      <c r="E608" s="16"/>
      <c r="F608" s="16" t="s">
        <v>313</v>
      </c>
    </row>
    <row r="609" spans="1:6" ht="36" x14ac:dyDescent="0.25">
      <c r="A609" s="15" t="s">
        <v>427</v>
      </c>
      <c r="B609" s="20" t="s">
        <v>426</v>
      </c>
      <c r="C609" s="16" t="s">
        <v>335</v>
      </c>
      <c r="D609" s="16" t="s">
        <v>407</v>
      </c>
      <c r="E609" s="16"/>
      <c r="F609" s="16" t="s">
        <v>313</v>
      </c>
    </row>
    <row r="610" spans="1:6" ht="36" x14ac:dyDescent="0.25">
      <c r="A610" s="15" t="s">
        <v>427</v>
      </c>
      <c r="B610" s="20" t="s">
        <v>426</v>
      </c>
      <c r="C610" s="16" t="s">
        <v>374</v>
      </c>
      <c r="D610" s="16" t="s">
        <v>406</v>
      </c>
      <c r="E610" s="16"/>
      <c r="F610" s="16" t="s">
        <v>313</v>
      </c>
    </row>
    <row r="611" spans="1:6" ht="36" x14ac:dyDescent="0.25">
      <c r="A611" s="15" t="s">
        <v>427</v>
      </c>
      <c r="B611" s="20" t="s">
        <v>426</v>
      </c>
      <c r="C611" s="16" t="s">
        <v>101</v>
      </c>
      <c r="D611" s="16" t="s">
        <v>405</v>
      </c>
      <c r="E611" s="16"/>
      <c r="F611" s="16" t="s">
        <v>313</v>
      </c>
    </row>
    <row r="612" spans="1:6" ht="36" x14ac:dyDescent="0.25">
      <c r="A612" s="15" t="s">
        <v>427</v>
      </c>
      <c r="B612" s="20" t="s">
        <v>426</v>
      </c>
      <c r="C612" s="16" t="s">
        <v>170</v>
      </c>
      <c r="D612" s="16" t="s">
        <v>404</v>
      </c>
      <c r="E612" s="16"/>
      <c r="F612" s="16" t="s">
        <v>313</v>
      </c>
    </row>
    <row r="613" spans="1:6" ht="36" x14ac:dyDescent="0.25">
      <c r="A613" s="15" t="s">
        <v>427</v>
      </c>
      <c r="B613" s="20" t="s">
        <v>426</v>
      </c>
      <c r="C613" s="16" t="s">
        <v>403</v>
      </c>
      <c r="D613" s="16" t="s">
        <v>402</v>
      </c>
      <c r="E613" s="16"/>
      <c r="F613" s="16" t="s">
        <v>313</v>
      </c>
    </row>
    <row r="614" spans="1:6" ht="36" x14ac:dyDescent="0.25">
      <c r="A614" s="15" t="s">
        <v>427</v>
      </c>
      <c r="B614" s="20" t="s">
        <v>426</v>
      </c>
      <c r="C614" s="16" t="s">
        <v>163</v>
      </c>
      <c r="D614" s="16" t="s">
        <v>401</v>
      </c>
      <c r="E614" s="16"/>
      <c r="F614" s="16" t="s">
        <v>313</v>
      </c>
    </row>
    <row r="615" spans="1:6" ht="36" x14ac:dyDescent="0.25">
      <c r="A615" s="15" t="s">
        <v>427</v>
      </c>
      <c r="B615" s="20" t="s">
        <v>426</v>
      </c>
      <c r="C615" s="16" t="s">
        <v>327</v>
      </c>
      <c r="D615" s="16" t="s">
        <v>323</v>
      </c>
      <c r="E615" s="16"/>
      <c r="F615" s="16" t="s">
        <v>313</v>
      </c>
    </row>
    <row r="616" spans="1:6" ht="36.75" thickBot="1" x14ac:dyDescent="0.3">
      <c r="A616" s="22" t="s">
        <v>427</v>
      </c>
      <c r="B616" s="23" t="s">
        <v>426</v>
      </c>
      <c r="C616" s="24" t="s">
        <v>324</v>
      </c>
      <c r="D616" s="24" t="s">
        <v>398</v>
      </c>
      <c r="E616" s="24"/>
      <c r="F616" s="16" t="s">
        <v>313</v>
      </c>
    </row>
    <row r="617" spans="1:6" ht="36.75" thickTop="1" x14ac:dyDescent="0.25">
      <c r="A617" s="25" t="s">
        <v>400</v>
      </c>
      <c r="B617" s="26" t="s">
        <v>399</v>
      </c>
      <c r="C617" s="27" t="s">
        <v>425</v>
      </c>
      <c r="D617" s="27" t="s">
        <v>424</v>
      </c>
      <c r="E617" s="27"/>
      <c r="F617" s="16" t="s">
        <v>313</v>
      </c>
    </row>
    <row r="618" spans="1:6" ht="36" x14ac:dyDescent="0.25">
      <c r="A618" s="15" t="s">
        <v>400</v>
      </c>
      <c r="B618" s="20" t="s">
        <v>399</v>
      </c>
      <c r="C618" s="16" t="s">
        <v>423</v>
      </c>
      <c r="D618" s="16" t="s">
        <v>422</v>
      </c>
      <c r="E618" s="16"/>
      <c r="F618" s="16" t="s">
        <v>313</v>
      </c>
    </row>
    <row r="619" spans="1:6" ht="36" x14ac:dyDescent="0.25">
      <c r="A619" s="15" t="s">
        <v>400</v>
      </c>
      <c r="B619" s="20" t="s">
        <v>399</v>
      </c>
      <c r="C619" s="16" t="s">
        <v>337</v>
      </c>
      <c r="D619" s="16" t="s">
        <v>421</v>
      </c>
      <c r="E619" s="16"/>
      <c r="F619" s="16" t="s">
        <v>313</v>
      </c>
    </row>
    <row r="620" spans="1:6" ht="36" x14ac:dyDescent="0.25">
      <c r="A620" s="15" t="s">
        <v>400</v>
      </c>
      <c r="B620" s="20" t="s">
        <v>399</v>
      </c>
      <c r="C620" s="16" t="s">
        <v>112</v>
      </c>
      <c r="D620" s="16" t="s">
        <v>420</v>
      </c>
      <c r="E620" s="16"/>
      <c r="F620" s="16" t="s">
        <v>313</v>
      </c>
    </row>
    <row r="621" spans="1:6" ht="36" x14ac:dyDescent="0.25">
      <c r="A621" s="15" t="s">
        <v>400</v>
      </c>
      <c r="B621" s="20" t="s">
        <v>399</v>
      </c>
      <c r="C621" s="16" t="s">
        <v>419</v>
      </c>
      <c r="D621" s="16" t="s">
        <v>418</v>
      </c>
      <c r="E621" s="16"/>
      <c r="F621" s="16" t="s">
        <v>313</v>
      </c>
    </row>
    <row r="622" spans="1:6" ht="36" x14ac:dyDescent="0.25">
      <c r="A622" s="15" t="s">
        <v>400</v>
      </c>
      <c r="B622" s="20" t="s">
        <v>399</v>
      </c>
      <c r="C622" s="16" t="s">
        <v>118</v>
      </c>
      <c r="D622" s="16" t="s">
        <v>417</v>
      </c>
      <c r="E622" s="16"/>
      <c r="F622" s="16" t="s">
        <v>313</v>
      </c>
    </row>
    <row r="623" spans="1:6" ht="36" x14ac:dyDescent="0.25">
      <c r="A623" s="15" t="s">
        <v>400</v>
      </c>
      <c r="B623" s="20" t="s">
        <v>399</v>
      </c>
      <c r="C623" s="16" t="s">
        <v>181</v>
      </c>
      <c r="D623" s="16" t="s">
        <v>416</v>
      </c>
      <c r="E623" s="16"/>
      <c r="F623" s="16" t="s">
        <v>313</v>
      </c>
    </row>
    <row r="624" spans="1:6" ht="36" x14ac:dyDescent="0.25">
      <c r="A624" s="15" t="s">
        <v>400</v>
      </c>
      <c r="B624" s="20" t="s">
        <v>399</v>
      </c>
      <c r="C624" s="16" t="s">
        <v>415</v>
      </c>
      <c r="D624" s="16" t="s">
        <v>414</v>
      </c>
      <c r="E624" s="16"/>
      <c r="F624" s="16" t="s">
        <v>313</v>
      </c>
    </row>
    <row r="625" spans="1:6" ht="36" x14ac:dyDescent="0.25">
      <c r="A625" s="15" t="s">
        <v>400</v>
      </c>
      <c r="B625" s="20" t="s">
        <v>399</v>
      </c>
      <c r="C625" s="16" t="s">
        <v>413</v>
      </c>
      <c r="D625" s="16" t="s">
        <v>412</v>
      </c>
      <c r="E625" s="16"/>
      <c r="F625" s="16" t="s">
        <v>313</v>
      </c>
    </row>
    <row r="626" spans="1:6" ht="36" x14ac:dyDescent="0.25">
      <c r="A626" s="15" t="s">
        <v>400</v>
      </c>
      <c r="B626" s="20" t="s">
        <v>399</v>
      </c>
      <c r="C626" s="16" t="s">
        <v>333</v>
      </c>
      <c r="D626" s="16" t="s">
        <v>411</v>
      </c>
      <c r="E626" s="16"/>
      <c r="F626" s="16" t="s">
        <v>313</v>
      </c>
    </row>
    <row r="627" spans="1:6" ht="36" x14ac:dyDescent="0.25">
      <c r="A627" s="15" t="s">
        <v>400</v>
      </c>
      <c r="B627" s="20" t="s">
        <v>399</v>
      </c>
      <c r="C627" s="16" t="s">
        <v>331</v>
      </c>
      <c r="D627" s="16" t="s">
        <v>410</v>
      </c>
      <c r="E627" s="16"/>
      <c r="F627" s="16" t="s">
        <v>313</v>
      </c>
    </row>
    <row r="628" spans="1:6" ht="36" x14ac:dyDescent="0.25">
      <c r="A628" s="15" t="s">
        <v>400</v>
      </c>
      <c r="B628" s="20" t="s">
        <v>399</v>
      </c>
      <c r="C628" s="16" t="s">
        <v>115</v>
      </c>
      <c r="D628" s="16" t="s">
        <v>409</v>
      </c>
      <c r="E628" s="16"/>
      <c r="F628" s="16" t="s">
        <v>313</v>
      </c>
    </row>
    <row r="629" spans="1:6" ht="36" x14ac:dyDescent="0.25">
      <c r="A629" s="15" t="s">
        <v>400</v>
      </c>
      <c r="B629" s="20" t="s">
        <v>399</v>
      </c>
      <c r="C629" s="16" t="s">
        <v>120</v>
      </c>
      <c r="D629" s="16" t="s">
        <v>408</v>
      </c>
      <c r="E629" s="16"/>
      <c r="F629" s="16" t="s">
        <v>313</v>
      </c>
    </row>
    <row r="630" spans="1:6" ht="36" x14ac:dyDescent="0.25">
      <c r="A630" s="15" t="s">
        <v>400</v>
      </c>
      <c r="B630" s="20" t="s">
        <v>399</v>
      </c>
      <c r="C630" s="16" t="s">
        <v>335</v>
      </c>
      <c r="D630" s="16" t="s">
        <v>407</v>
      </c>
      <c r="E630" s="16"/>
      <c r="F630" s="16" t="s">
        <v>313</v>
      </c>
    </row>
    <row r="631" spans="1:6" ht="36" x14ac:dyDescent="0.25">
      <c r="A631" s="15" t="s">
        <v>400</v>
      </c>
      <c r="B631" s="20" t="s">
        <v>399</v>
      </c>
      <c r="C631" s="16" t="s">
        <v>374</v>
      </c>
      <c r="D631" s="16" t="s">
        <v>406</v>
      </c>
      <c r="E631" s="16"/>
      <c r="F631" s="16" t="s">
        <v>313</v>
      </c>
    </row>
    <row r="632" spans="1:6" ht="36" x14ac:dyDescent="0.25">
      <c r="A632" s="15" t="s">
        <v>400</v>
      </c>
      <c r="B632" s="20" t="s">
        <v>399</v>
      </c>
      <c r="C632" s="16" t="s">
        <v>101</v>
      </c>
      <c r="D632" s="16" t="s">
        <v>405</v>
      </c>
      <c r="E632" s="16"/>
      <c r="F632" s="16" t="s">
        <v>313</v>
      </c>
    </row>
    <row r="633" spans="1:6" ht="36" x14ac:dyDescent="0.25">
      <c r="A633" s="15" t="s">
        <v>400</v>
      </c>
      <c r="B633" s="20" t="s">
        <v>399</v>
      </c>
      <c r="C633" s="16" t="s">
        <v>170</v>
      </c>
      <c r="D633" s="16" t="s">
        <v>404</v>
      </c>
      <c r="E633" s="16"/>
      <c r="F633" s="16" t="s">
        <v>313</v>
      </c>
    </row>
    <row r="634" spans="1:6" ht="36" x14ac:dyDescent="0.25">
      <c r="A634" s="15" t="s">
        <v>400</v>
      </c>
      <c r="B634" s="20" t="s">
        <v>399</v>
      </c>
      <c r="C634" s="16" t="s">
        <v>403</v>
      </c>
      <c r="D634" s="16" t="s">
        <v>402</v>
      </c>
      <c r="E634" s="16"/>
      <c r="F634" s="16" t="s">
        <v>313</v>
      </c>
    </row>
    <row r="635" spans="1:6" ht="36" x14ac:dyDescent="0.25">
      <c r="A635" s="15" t="s">
        <v>400</v>
      </c>
      <c r="B635" s="20" t="s">
        <v>399</v>
      </c>
      <c r="C635" s="16" t="s">
        <v>163</v>
      </c>
      <c r="D635" s="16" t="s">
        <v>401</v>
      </c>
      <c r="E635" s="16"/>
      <c r="F635" s="16" t="s">
        <v>313</v>
      </c>
    </row>
    <row r="636" spans="1:6" ht="36" x14ac:dyDescent="0.25">
      <c r="A636" s="15" t="s">
        <v>400</v>
      </c>
      <c r="B636" s="20" t="s">
        <v>399</v>
      </c>
      <c r="C636" s="16" t="s">
        <v>327</v>
      </c>
      <c r="D636" s="16" t="s">
        <v>323</v>
      </c>
      <c r="E636" s="16"/>
      <c r="F636" s="16" t="s">
        <v>313</v>
      </c>
    </row>
    <row r="637" spans="1:6" ht="36.75" thickBot="1" x14ac:dyDescent="0.3">
      <c r="A637" s="22" t="s">
        <v>400</v>
      </c>
      <c r="B637" s="23" t="s">
        <v>399</v>
      </c>
      <c r="C637" s="24" t="s">
        <v>324</v>
      </c>
      <c r="D637" s="24" t="s">
        <v>398</v>
      </c>
      <c r="E637" s="24"/>
      <c r="F637" s="16" t="s">
        <v>313</v>
      </c>
    </row>
    <row r="638" spans="1:6" ht="72.75" thickTop="1" x14ac:dyDescent="0.25">
      <c r="A638" s="25" t="s">
        <v>379</v>
      </c>
      <c r="B638" s="26" t="s">
        <v>378</v>
      </c>
      <c r="C638" s="27" t="s">
        <v>397</v>
      </c>
      <c r="D638" s="27" t="s">
        <v>396</v>
      </c>
      <c r="E638" s="27" t="s">
        <v>395</v>
      </c>
      <c r="F638" s="16" t="s">
        <v>313</v>
      </c>
    </row>
    <row r="639" spans="1:6" ht="84" x14ac:dyDescent="0.25">
      <c r="A639" s="15" t="s">
        <v>379</v>
      </c>
      <c r="B639" s="20" t="s">
        <v>378</v>
      </c>
      <c r="C639" s="16" t="s">
        <v>394</v>
      </c>
      <c r="D639" s="16" t="s">
        <v>393</v>
      </c>
      <c r="E639" s="16" t="s">
        <v>392</v>
      </c>
      <c r="F639" s="16" t="s">
        <v>313</v>
      </c>
    </row>
    <row r="640" spans="1:6" ht="96" x14ac:dyDescent="0.25">
      <c r="A640" s="15" t="s">
        <v>379</v>
      </c>
      <c r="B640" s="20" t="s">
        <v>378</v>
      </c>
      <c r="C640" s="16" t="s">
        <v>391</v>
      </c>
      <c r="D640" s="16" t="s">
        <v>390</v>
      </c>
      <c r="E640" s="16" t="s">
        <v>389</v>
      </c>
      <c r="F640" s="16" t="s">
        <v>313</v>
      </c>
    </row>
    <row r="641" spans="1:6" ht="84" x14ac:dyDescent="0.25">
      <c r="A641" s="15" t="s">
        <v>379</v>
      </c>
      <c r="B641" s="20" t="s">
        <v>378</v>
      </c>
      <c r="C641" s="16" t="s">
        <v>388</v>
      </c>
      <c r="D641" s="16" t="s">
        <v>387</v>
      </c>
      <c r="E641" s="16" t="s">
        <v>386</v>
      </c>
      <c r="F641" s="16" t="s">
        <v>313</v>
      </c>
    </row>
    <row r="642" spans="1:6" ht="108" x14ac:dyDescent="0.25">
      <c r="A642" s="15" t="s">
        <v>379</v>
      </c>
      <c r="B642" s="20" t="s">
        <v>378</v>
      </c>
      <c r="C642" s="16" t="s">
        <v>385</v>
      </c>
      <c r="D642" s="16" t="s">
        <v>384</v>
      </c>
      <c r="E642" s="16" t="s">
        <v>383</v>
      </c>
      <c r="F642" s="16" t="s">
        <v>313</v>
      </c>
    </row>
    <row r="643" spans="1:6" ht="108" x14ac:dyDescent="0.25">
      <c r="A643" s="15" t="s">
        <v>379</v>
      </c>
      <c r="B643" s="20" t="s">
        <v>378</v>
      </c>
      <c r="C643" s="16" t="s">
        <v>382</v>
      </c>
      <c r="D643" s="16" t="s">
        <v>381</v>
      </c>
      <c r="E643" s="16" t="s">
        <v>380</v>
      </c>
      <c r="F643" s="16" t="s">
        <v>313</v>
      </c>
    </row>
    <row r="644" spans="1:6" ht="108.75" thickBot="1" x14ac:dyDescent="0.3">
      <c r="A644" s="22" t="s">
        <v>379</v>
      </c>
      <c r="B644" s="23" t="s">
        <v>378</v>
      </c>
      <c r="C644" s="24" t="s">
        <v>377</v>
      </c>
      <c r="D644" s="24" t="s">
        <v>376</v>
      </c>
      <c r="E644" s="24" t="s">
        <v>375</v>
      </c>
      <c r="F644" s="16" t="s">
        <v>313</v>
      </c>
    </row>
    <row r="645" spans="1:6" ht="12.75" thickTop="1" x14ac:dyDescent="0.25">
      <c r="A645" s="25" t="s">
        <v>345</v>
      </c>
      <c r="B645" s="26" t="s">
        <v>344</v>
      </c>
      <c r="C645" s="27" t="s">
        <v>374</v>
      </c>
      <c r="D645" s="27" t="s">
        <v>373</v>
      </c>
      <c r="E645" s="27"/>
      <c r="F645" s="16" t="s">
        <v>313</v>
      </c>
    </row>
    <row r="646" spans="1:6" x14ac:dyDescent="0.25">
      <c r="A646" s="15" t="s">
        <v>345</v>
      </c>
      <c r="B646" s="20" t="s">
        <v>344</v>
      </c>
      <c r="C646" s="16" t="s">
        <v>106</v>
      </c>
      <c r="D646" s="16" t="s">
        <v>372</v>
      </c>
      <c r="E646" s="16"/>
      <c r="F646" s="16" t="s">
        <v>313</v>
      </c>
    </row>
    <row r="647" spans="1:6" x14ac:dyDescent="0.25">
      <c r="A647" s="15" t="s">
        <v>345</v>
      </c>
      <c r="B647" s="20" t="s">
        <v>344</v>
      </c>
      <c r="C647" s="16" t="s">
        <v>185</v>
      </c>
      <c r="D647" s="16" t="s">
        <v>371</v>
      </c>
      <c r="E647" s="16"/>
      <c r="F647" s="16" t="s">
        <v>313</v>
      </c>
    </row>
    <row r="648" spans="1:6" x14ac:dyDescent="0.25">
      <c r="A648" s="15" t="s">
        <v>345</v>
      </c>
      <c r="B648" s="20" t="s">
        <v>344</v>
      </c>
      <c r="C648" s="16" t="s">
        <v>228</v>
      </c>
      <c r="D648" s="16" t="s">
        <v>370</v>
      </c>
      <c r="E648" s="16"/>
      <c r="F648" s="16" t="s">
        <v>313</v>
      </c>
    </row>
    <row r="649" spans="1:6" x14ac:dyDescent="0.25">
      <c r="A649" s="15" t="s">
        <v>345</v>
      </c>
      <c r="B649" s="20" t="s">
        <v>344</v>
      </c>
      <c r="C649" s="16" t="s">
        <v>109</v>
      </c>
      <c r="D649" s="16" t="s">
        <v>369</v>
      </c>
      <c r="E649" s="16"/>
      <c r="F649" s="16" t="s">
        <v>313</v>
      </c>
    </row>
    <row r="650" spans="1:6" x14ac:dyDescent="0.25">
      <c r="A650" s="15" t="s">
        <v>345</v>
      </c>
      <c r="B650" s="20" t="s">
        <v>344</v>
      </c>
      <c r="C650" s="16" t="s">
        <v>368</v>
      </c>
      <c r="D650" s="16" t="s">
        <v>367</v>
      </c>
      <c r="E650" s="16"/>
      <c r="F650" s="16" t="s">
        <v>313</v>
      </c>
    </row>
    <row r="651" spans="1:6" x14ac:dyDescent="0.25">
      <c r="A651" s="15" t="s">
        <v>345</v>
      </c>
      <c r="B651" s="20" t="s">
        <v>344</v>
      </c>
      <c r="C651" s="16" t="s">
        <v>366</v>
      </c>
      <c r="D651" s="16" t="s">
        <v>365</v>
      </c>
      <c r="E651" s="16"/>
      <c r="F651" s="16" t="s">
        <v>313</v>
      </c>
    </row>
    <row r="652" spans="1:6" x14ac:dyDescent="0.25">
      <c r="A652" s="15" t="s">
        <v>345</v>
      </c>
      <c r="B652" s="20" t="s">
        <v>344</v>
      </c>
      <c r="C652" s="16" t="s">
        <v>364</v>
      </c>
      <c r="D652" s="16" t="s">
        <v>363</v>
      </c>
      <c r="E652" s="16"/>
      <c r="F652" s="16" t="s">
        <v>313</v>
      </c>
    </row>
    <row r="653" spans="1:6" x14ac:dyDescent="0.25">
      <c r="A653" s="15" t="s">
        <v>345</v>
      </c>
      <c r="B653" s="20" t="s">
        <v>344</v>
      </c>
      <c r="C653" s="16" t="s">
        <v>112</v>
      </c>
      <c r="D653" s="16" t="s">
        <v>362</v>
      </c>
      <c r="E653" s="16"/>
      <c r="F653" s="16" t="s">
        <v>313</v>
      </c>
    </row>
    <row r="654" spans="1:6" x14ac:dyDescent="0.25">
      <c r="A654" s="15" t="s">
        <v>345</v>
      </c>
      <c r="B654" s="20" t="s">
        <v>344</v>
      </c>
      <c r="C654" s="16" t="s">
        <v>361</v>
      </c>
      <c r="D654" s="16" t="s">
        <v>360</v>
      </c>
      <c r="E654" s="16"/>
      <c r="F654" s="16" t="s">
        <v>313</v>
      </c>
    </row>
    <row r="655" spans="1:6" x14ac:dyDescent="0.25">
      <c r="A655" s="15" t="s">
        <v>345</v>
      </c>
      <c r="B655" s="20" t="s">
        <v>344</v>
      </c>
      <c r="C655" s="16" t="s">
        <v>359</v>
      </c>
      <c r="D655" s="16" t="s">
        <v>358</v>
      </c>
      <c r="E655" s="16"/>
      <c r="F655" s="16" t="s">
        <v>313</v>
      </c>
    </row>
    <row r="656" spans="1:6" x14ac:dyDescent="0.25">
      <c r="A656" s="15" t="s">
        <v>345</v>
      </c>
      <c r="B656" s="20" t="s">
        <v>344</v>
      </c>
      <c r="C656" s="16" t="s">
        <v>240</v>
      </c>
      <c r="D656" s="16" t="s">
        <v>357</v>
      </c>
      <c r="E656" s="16"/>
      <c r="F656" s="16" t="s">
        <v>313</v>
      </c>
    </row>
    <row r="657" spans="1:6" x14ac:dyDescent="0.25">
      <c r="A657" s="15" t="s">
        <v>345</v>
      </c>
      <c r="B657" s="20" t="s">
        <v>344</v>
      </c>
      <c r="C657" s="16" t="s">
        <v>356</v>
      </c>
      <c r="D657" s="16" t="s">
        <v>355</v>
      </c>
      <c r="E657" s="16"/>
      <c r="F657" s="16" t="s">
        <v>313</v>
      </c>
    </row>
    <row r="658" spans="1:6" x14ac:dyDescent="0.25">
      <c r="A658" s="15" t="s">
        <v>345</v>
      </c>
      <c r="B658" s="20" t="s">
        <v>344</v>
      </c>
      <c r="C658" s="16" t="s">
        <v>354</v>
      </c>
      <c r="D658" s="16" t="s">
        <v>353</v>
      </c>
      <c r="E658" s="16"/>
      <c r="F658" s="16" t="s">
        <v>313</v>
      </c>
    </row>
    <row r="659" spans="1:6" x14ac:dyDescent="0.25">
      <c r="A659" s="15" t="s">
        <v>345</v>
      </c>
      <c r="B659" s="20" t="s">
        <v>344</v>
      </c>
      <c r="C659" s="16" t="s">
        <v>352</v>
      </c>
      <c r="D659" s="16" t="s">
        <v>351</v>
      </c>
      <c r="E659" s="16"/>
      <c r="F659" s="16" t="s">
        <v>313</v>
      </c>
    </row>
    <row r="660" spans="1:6" x14ac:dyDescent="0.25">
      <c r="A660" s="15" t="s">
        <v>345</v>
      </c>
      <c r="B660" s="20" t="s">
        <v>344</v>
      </c>
      <c r="C660" s="16" t="s">
        <v>331</v>
      </c>
      <c r="D660" s="16" t="s">
        <v>350</v>
      </c>
      <c r="E660" s="16"/>
      <c r="F660" s="16" t="s">
        <v>313</v>
      </c>
    </row>
    <row r="661" spans="1:6" x14ac:dyDescent="0.25">
      <c r="A661" s="15" t="s">
        <v>345</v>
      </c>
      <c r="B661" s="20" t="s">
        <v>344</v>
      </c>
      <c r="C661" s="16" t="s">
        <v>349</v>
      </c>
      <c r="D661" s="16" t="s">
        <v>348</v>
      </c>
      <c r="E661" s="16"/>
      <c r="F661" s="16" t="s">
        <v>313</v>
      </c>
    </row>
    <row r="662" spans="1:6" x14ac:dyDescent="0.25">
      <c r="A662" s="15" t="s">
        <v>345</v>
      </c>
      <c r="B662" s="20" t="s">
        <v>344</v>
      </c>
      <c r="C662" s="16" t="s">
        <v>347</v>
      </c>
      <c r="D662" s="16" t="s">
        <v>346</v>
      </c>
      <c r="E662" s="16"/>
      <c r="F662" s="16" t="s">
        <v>313</v>
      </c>
    </row>
    <row r="663" spans="1:6" ht="12.75" thickBot="1" x14ac:dyDescent="0.3">
      <c r="A663" s="22" t="s">
        <v>345</v>
      </c>
      <c r="B663" s="23" t="s">
        <v>344</v>
      </c>
      <c r="C663" s="24" t="s">
        <v>343</v>
      </c>
      <c r="D663" s="24" t="s">
        <v>342</v>
      </c>
      <c r="E663" s="24"/>
      <c r="F663" s="16" t="s">
        <v>313</v>
      </c>
    </row>
    <row r="664" spans="1:6" ht="37.5" thickTop="1" thickBot="1" x14ac:dyDescent="0.3">
      <c r="A664" s="28" t="s">
        <v>341</v>
      </c>
      <c r="B664" s="29" t="s">
        <v>340</v>
      </c>
      <c r="C664" s="30"/>
      <c r="D664" s="30"/>
      <c r="E664" s="30"/>
      <c r="F664" s="16" t="s">
        <v>313</v>
      </c>
    </row>
    <row r="665" spans="1:6" ht="25.5" thickTop="1" thickBot="1" x14ac:dyDescent="0.3">
      <c r="A665" s="28" t="s">
        <v>339</v>
      </c>
      <c r="B665" s="29" t="s">
        <v>338</v>
      </c>
      <c r="C665" s="30"/>
      <c r="D665" s="30"/>
      <c r="E665" s="30"/>
      <c r="F665" s="16" t="s">
        <v>313</v>
      </c>
    </row>
    <row r="666" spans="1:6" ht="36.75" thickTop="1" x14ac:dyDescent="0.25">
      <c r="A666" s="25" t="s">
        <v>321</v>
      </c>
      <c r="B666" s="26" t="s">
        <v>320</v>
      </c>
      <c r="C666" s="27" t="s">
        <v>337</v>
      </c>
      <c r="D666" s="27" t="s">
        <v>336</v>
      </c>
      <c r="E666" s="27"/>
      <c r="F666" s="16" t="s">
        <v>313</v>
      </c>
    </row>
    <row r="667" spans="1:6" ht="36" x14ac:dyDescent="0.25">
      <c r="A667" s="15" t="s">
        <v>321</v>
      </c>
      <c r="B667" s="20" t="s">
        <v>320</v>
      </c>
      <c r="C667" s="16" t="s">
        <v>335</v>
      </c>
      <c r="D667" s="16" t="s">
        <v>334</v>
      </c>
      <c r="E667" s="16"/>
      <c r="F667" s="16" t="s">
        <v>313</v>
      </c>
    </row>
    <row r="668" spans="1:6" ht="36" x14ac:dyDescent="0.25">
      <c r="A668" s="15" t="s">
        <v>321</v>
      </c>
      <c r="B668" s="20" t="s">
        <v>320</v>
      </c>
      <c r="C668" s="16" t="s">
        <v>333</v>
      </c>
      <c r="D668" s="16" t="s">
        <v>332</v>
      </c>
      <c r="E668" s="16"/>
      <c r="F668" s="16" t="s">
        <v>313</v>
      </c>
    </row>
    <row r="669" spans="1:6" ht="24" x14ac:dyDescent="0.25">
      <c r="A669" s="15" t="s">
        <v>321</v>
      </c>
      <c r="B669" s="20" t="s">
        <v>320</v>
      </c>
      <c r="C669" s="16" t="s">
        <v>331</v>
      </c>
      <c r="D669" s="16" t="s">
        <v>330</v>
      </c>
      <c r="E669" s="16"/>
      <c r="F669" s="16" t="s">
        <v>313</v>
      </c>
    </row>
    <row r="670" spans="1:6" ht="36" x14ac:dyDescent="0.25">
      <c r="A670" s="15" t="s">
        <v>321</v>
      </c>
      <c r="B670" s="20" t="s">
        <v>320</v>
      </c>
      <c r="C670" s="16" t="s">
        <v>163</v>
      </c>
      <c r="D670" s="16" t="s">
        <v>329</v>
      </c>
      <c r="E670" s="16" t="s">
        <v>328</v>
      </c>
      <c r="F670" s="16" t="s">
        <v>313</v>
      </c>
    </row>
    <row r="671" spans="1:6" ht="36" x14ac:dyDescent="0.25">
      <c r="A671" s="15" t="s">
        <v>321</v>
      </c>
      <c r="B671" s="20" t="s">
        <v>320</v>
      </c>
      <c r="C671" s="16" t="s">
        <v>327</v>
      </c>
      <c r="D671" s="16" t="s">
        <v>326</v>
      </c>
      <c r="E671" s="16" t="s">
        <v>325</v>
      </c>
      <c r="F671" s="16" t="s">
        <v>313</v>
      </c>
    </row>
    <row r="672" spans="1:6" ht="24" x14ac:dyDescent="0.25">
      <c r="A672" s="15" t="s">
        <v>321</v>
      </c>
      <c r="B672" s="20" t="s">
        <v>320</v>
      </c>
      <c r="C672" s="16" t="s">
        <v>324</v>
      </c>
      <c r="D672" s="16" t="s">
        <v>323</v>
      </c>
      <c r="E672" s="16" t="s">
        <v>322</v>
      </c>
      <c r="F672" s="16" t="s">
        <v>313</v>
      </c>
    </row>
    <row r="673" spans="1:6" ht="36.75" thickBot="1" x14ac:dyDescent="0.3">
      <c r="A673" s="22" t="s">
        <v>321</v>
      </c>
      <c r="B673" s="23" t="s">
        <v>320</v>
      </c>
      <c r="C673" s="24" t="s">
        <v>120</v>
      </c>
      <c r="D673" s="24" t="s">
        <v>319</v>
      </c>
      <c r="E673" s="24"/>
      <c r="F673" s="16" t="s">
        <v>313</v>
      </c>
    </row>
    <row r="674" spans="1:6" ht="37.5" thickTop="1" thickBot="1" x14ac:dyDescent="0.3">
      <c r="A674" s="28" t="s">
        <v>318</v>
      </c>
      <c r="B674" s="29" t="s">
        <v>317</v>
      </c>
      <c r="C674" s="30"/>
      <c r="D674" s="30"/>
      <c r="E674" s="30"/>
      <c r="F674" s="16"/>
    </row>
    <row r="675" spans="1:6" ht="49.5" thickTop="1" thickBot="1" x14ac:dyDescent="0.3">
      <c r="A675" s="28" t="s">
        <v>58</v>
      </c>
      <c r="B675" s="29" t="s">
        <v>316</v>
      </c>
      <c r="C675" s="30"/>
      <c r="D675" s="30"/>
      <c r="E675" s="30"/>
      <c r="F675" s="16" t="s">
        <v>313</v>
      </c>
    </row>
    <row r="676" spans="1:6" ht="25.5" thickTop="1" thickBot="1" x14ac:dyDescent="0.3">
      <c r="A676" s="28" t="s">
        <v>315</v>
      </c>
      <c r="B676" s="29" t="s">
        <v>314</v>
      </c>
      <c r="C676" s="30"/>
      <c r="D676" s="30"/>
      <c r="E676" s="30"/>
      <c r="F676" s="16" t="s">
        <v>313</v>
      </c>
    </row>
    <row r="677" spans="1:6" ht="61.5" thickTop="1" thickBot="1" x14ac:dyDescent="0.3">
      <c r="A677" s="28" t="s">
        <v>59</v>
      </c>
      <c r="B677" s="29" t="s">
        <v>312</v>
      </c>
      <c r="C677" s="30"/>
      <c r="D677" s="30"/>
      <c r="E677" s="30"/>
      <c r="F677" s="16"/>
    </row>
    <row r="678" spans="1:6" ht="169.5" thickTop="1" thickBot="1" x14ac:dyDescent="0.3">
      <c r="A678" s="28" t="s">
        <v>24</v>
      </c>
      <c r="B678" s="29" t="s">
        <v>1438</v>
      </c>
      <c r="C678" s="30"/>
      <c r="D678" s="30"/>
      <c r="E678" s="30"/>
      <c r="F678" s="16"/>
    </row>
    <row r="679" spans="1:6" ht="109.5" thickTop="1" thickBot="1" x14ac:dyDescent="0.3">
      <c r="A679" s="28" t="s">
        <v>60</v>
      </c>
      <c r="B679" s="29" t="s">
        <v>311</v>
      </c>
      <c r="C679" s="30"/>
      <c r="D679" s="30"/>
      <c r="E679" s="30"/>
      <c r="F679" s="16" t="s">
        <v>83</v>
      </c>
    </row>
    <row r="680" spans="1:6" ht="60.75" thickTop="1" x14ac:dyDescent="0.25">
      <c r="A680" s="25" t="s">
        <v>61</v>
      </c>
      <c r="B680" s="26" t="s">
        <v>186</v>
      </c>
      <c r="C680" s="27" t="s">
        <v>310</v>
      </c>
      <c r="D680" s="27" t="s">
        <v>309</v>
      </c>
      <c r="E680" s="27" t="s">
        <v>308</v>
      </c>
      <c r="F680" s="16" t="s">
        <v>83</v>
      </c>
    </row>
    <row r="681" spans="1:6" ht="60" x14ac:dyDescent="0.25">
      <c r="A681" s="15" t="s">
        <v>61</v>
      </c>
      <c r="B681" s="20" t="s">
        <v>186</v>
      </c>
      <c r="C681" s="16" t="s">
        <v>307</v>
      </c>
      <c r="D681" s="16" t="s">
        <v>306</v>
      </c>
      <c r="E681" s="16" t="s">
        <v>305</v>
      </c>
      <c r="F681" s="16" t="s">
        <v>83</v>
      </c>
    </row>
    <row r="682" spans="1:6" ht="60" x14ac:dyDescent="0.25">
      <c r="A682" s="15" t="s">
        <v>61</v>
      </c>
      <c r="B682" s="20" t="s">
        <v>186</v>
      </c>
      <c r="C682" s="16" t="s">
        <v>304</v>
      </c>
      <c r="D682" s="16" t="s">
        <v>303</v>
      </c>
      <c r="E682" s="16" t="s">
        <v>302</v>
      </c>
      <c r="F682" s="16" t="s">
        <v>83</v>
      </c>
    </row>
    <row r="683" spans="1:6" ht="60" x14ac:dyDescent="0.25">
      <c r="A683" s="15" t="s">
        <v>61</v>
      </c>
      <c r="B683" s="20" t="s">
        <v>186</v>
      </c>
      <c r="C683" s="16" t="s">
        <v>301</v>
      </c>
      <c r="D683" s="16" t="s">
        <v>300</v>
      </c>
      <c r="E683" s="16" t="s">
        <v>299</v>
      </c>
      <c r="F683" s="16" t="s">
        <v>83</v>
      </c>
    </row>
    <row r="684" spans="1:6" ht="60" x14ac:dyDescent="0.25">
      <c r="A684" s="15" t="s">
        <v>61</v>
      </c>
      <c r="B684" s="20" t="s">
        <v>186</v>
      </c>
      <c r="C684" s="16" t="s">
        <v>298</v>
      </c>
      <c r="D684" s="16" t="s">
        <v>297</v>
      </c>
      <c r="E684" s="16" t="s">
        <v>296</v>
      </c>
      <c r="F684" s="16" t="s">
        <v>83</v>
      </c>
    </row>
    <row r="685" spans="1:6" ht="60" x14ac:dyDescent="0.25">
      <c r="A685" s="15" t="s">
        <v>61</v>
      </c>
      <c r="B685" s="20" t="s">
        <v>186</v>
      </c>
      <c r="C685" s="16" t="s">
        <v>295</v>
      </c>
      <c r="D685" s="16" t="s">
        <v>294</v>
      </c>
      <c r="E685" s="16" t="s">
        <v>293</v>
      </c>
      <c r="F685" s="16" t="s">
        <v>83</v>
      </c>
    </row>
    <row r="686" spans="1:6" ht="60" x14ac:dyDescent="0.25">
      <c r="A686" s="15" t="s">
        <v>61</v>
      </c>
      <c r="B686" s="20" t="s">
        <v>186</v>
      </c>
      <c r="C686" s="16" t="s">
        <v>292</v>
      </c>
      <c r="D686" s="16" t="s">
        <v>291</v>
      </c>
      <c r="E686" s="16" t="s">
        <v>290</v>
      </c>
      <c r="F686" s="16" t="s">
        <v>83</v>
      </c>
    </row>
    <row r="687" spans="1:6" ht="60" x14ac:dyDescent="0.25">
      <c r="A687" s="15" t="s">
        <v>61</v>
      </c>
      <c r="B687" s="20" t="s">
        <v>186</v>
      </c>
      <c r="C687" s="16" t="s">
        <v>289</v>
      </c>
      <c r="D687" s="16" t="s">
        <v>288</v>
      </c>
      <c r="E687" s="16" t="s">
        <v>287</v>
      </c>
      <c r="F687" s="16" t="s">
        <v>83</v>
      </c>
    </row>
    <row r="688" spans="1:6" ht="60" x14ac:dyDescent="0.25">
      <c r="A688" s="15" t="s">
        <v>61</v>
      </c>
      <c r="B688" s="20" t="s">
        <v>186</v>
      </c>
      <c r="C688" s="16" t="s">
        <v>286</v>
      </c>
      <c r="D688" s="16" t="s">
        <v>285</v>
      </c>
      <c r="E688" s="16" t="s">
        <v>284</v>
      </c>
      <c r="F688" s="16" t="s">
        <v>83</v>
      </c>
    </row>
    <row r="689" spans="1:6" ht="60" x14ac:dyDescent="0.25">
      <c r="A689" s="15" t="s">
        <v>61</v>
      </c>
      <c r="B689" s="20" t="s">
        <v>186</v>
      </c>
      <c r="C689" s="16" t="s">
        <v>283</v>
      </c>
      <c r="D689" s="16" t="s">
        <v>282</v>
      </c>
      <c r="E689" s="16" t="s">
        <v>281</v>
      </c>
      <c r="F689" s="16" t="s">
        <v>83</v>
      </c>
    </row>
    <row r="690" spans="1:6" ht="60" x14ac:dyDescent="0.25">
      <c r="A690" s="15" t="s">
        <v>61</v>
      </c>
      <c r="B690" s="20" t="s">
        <v>186</v>
      </c>
      <c r="C690" s="16" t="s">
        <v>280</v>
      </c>
      <c r="D690" s="16" t="s">
        <v>279</v>
      </c>
      <c r="E690" s="16" t="s">
        <v>278</v>
      </c>
      <c r="F690" s="16" t="s">
        <v>83</v>
      </c>
    </row>
    <row r="691" spans="1:6" ht="60" x14ac:dyDescent="0.25">
      <c r="A691" s="15" t="s">
        <v>61</v>
      </c>
      <c r="B691" s="20" t="s">
        <v>186</v>
      </c>
      <c r="C691" s="16" t="s">
        <v>277</v>
      </c>
      <c r="D691" s="16" t="s">
        <v>276</v>
      </c>
      <c r="E691" s="16" t="s">
        <v>275</v>
      </c>
      <c r="F691" s="16" t="s">
        <v>83</v>
      </c>
    </row>
    <row r="692" spans="1:6" ht="60" x14ac:dyDescent="0.25">
      <c r="A692" s="15" t="s">
        <v>61</v>
      </c>
      <c r="B692" s="20" t="s">
        <v>186</v>
      </c>
      <c r="C692" s="16" t="s">
        <v>274</v>
      </c>
      <c r="D692" s="16" t="s">
        <v>273</v>
      </c>
      <c r="E692" s="16" t="s">
        <v>272</v>
      </c>
      <c r="F692" s="16" t="s">
        <v>83</v>
      </c>
    </row>
    <row r="693" spans="1:6" ht="60" x14ac:dyDescent="0.25">
      <c r="A693" s="15" t="s">
        <v>61</v>
      </c>
      <c r="B693" s="20" t="s">
        <v>186</v>
      </c>
      <c r="C693" s="16" t="s">
        <v>271</v>
      </c>
      <c r="D693" s="16" t="s">
        <v>270</v>
      </c>
      <c r="E693" s="16"/>
      <c r="F693" s="16" t="s">
        <v>83</v>
      </c>
    </row>
    <row r="694" spans="1:6" ht="60" x14ac:dyDescent="0.25">
      <c r="A694" s="15" t="s">
        <v>61</v>
      </c>
      <c r="B694" s="20" t="s">
        <v>186</v>
      </c>
      <c r="C694" s="16" t="s">
        <v>269</v>
      </c>
      <c r="D694" s="16" t="s">
        <v>268</v>
      </c>
      <c r="E694" s="16" t="s">
        <v>267</v>
      </c>
      <c r="F694" s="16" t="s">
        <v>83</v>
      </c>
    </row>
    <row r="695" spans="1:6" ht="60" x14ac:dyDescent="0.25">
      <c r="A695" s="15" t="s">
        <v>61</v>
      </c>
      <c r="B695" s="20" t="s">
        <v>186</v>
      </c>
      <c r="C695" s="16" t="s">
        <v>266</v>
      </c>
      <c r="D695" s="16" t="s">
        <v>265</v>
      </c>
      <c r="E695" s="16" t="s">
        <v>264</v>
      </c>
      <c r="F695" s="16" t="s">
        <v>83</v>
      </c>
    </row>
    <row r="696" spans="1:6" ht="60" x14ac:dyDescent="0.25">
      <c r="A696" s="15" t="s">
        <v>61</v>
      </c>
      <c r="B696" s="20" t="s">
        <v>186</v>
      </c>
      <c r="C696" s="16" t="s">
        <v>263</v>
      </c>
      <c r="D696" s="16" t="s">
        <v>262</v>
      </c>
      <c r="E696" s="16" t="s">
        <v>261</v>
      </c>
      <c r="F696" s="16" t="s">
        <v>83</v>
      </c>
    </row>
    <row r="697" spans="1:6" ht="60" x14ac:dyDescent="0.25">
      <c r="A697" s="15" t="s">
        <v>61</v>
      </c>
      <c r="B697" s="20" t="s">
        <v>186</v>
      </c>
      <c r="C697" s="16" t="s">
        <v>260</v>
      </c>
      <c r="D697" s="16" t="s">
        <v>259</v>
      </c>
      <c r="E697" s="16" t="s">
        <v>258</v>
      </c>
      <c r="F697" s="16" t="s">
        <v>83</v>
      </c>
    </row>
    <row r="698" spans="1:6" ht="60" x14ac:dyDescent="0.25">
      <c r="A698" s="15" t="s">
        <v>61</v>
      </c>
      <c r="B698" s="20" t="s">
        <v>186</v>
      </c>
      <c r="C698" s="16" t="s">
        <v>257</v>
      </c>
      <c r="D698" s="16" t="s">
        <v>256</v>
      </c>
      <c r="E698" s="16" t="s">
        <v>255</v>
      </c>
      <c r="F698" s="16" t="s">
        <v>83</v>
      </c>
    </row>
    <row r="699" spans="1:6" ht="60" x14ac:dyDescent="0.25">
      <c r="A699" s="15" t="s">
        <v>61</v>
      </c>
      <c r="B699" s="20" t="s">
        <v>186</v>
      </c>
      <c r="C699" s="16" t="s">
        <v>254</v>
      </c>
      <c r="D699" s="16" t="s">
        <v>253</v>
      </c>
      <c r="E699" s="16" t="s">
        <v>253</v>
      </c>
      <c r="F699" s="16" t="s">
        <v>83</v>
      </c>
    </row>
    <row r="700" spans="1:6" ht="60" x14ac:dyDescent="0.25">
      <c r="A700" s="15" t="s">
        <v>61</v>
      </c>
      <c r="B700" s="20" t="s">
        <v>186</v>
      </c>
      <c r="C700" s="16" t="s">
        <v>252</v>
      </c>
      <c r="D700" s="16" t="s">
        <v>251</v>
      </c>
      <c r="E700" s="16" t="s">
        <v>250</v>
      </c>
      <c r="F700" s="16" t="s">
        <v>83</v>
      </c>
    </row>
    <row r="701" spans="1:6" ht="60" x14ac:dyDescent="0.25">
      <c r="A701" s="15" t="s">
        <v>61</v>
      </c>
      <c r="B701" s="20" t="s">
        <v>186</v>
      </c>
      <c r="C701" s="16" t="s">
        <v>249</v>
      </c>
      <c r="D701" s="16" t="s">
        <v>248</v>
      </c>
      <c r="E701" s="16" t="s">
        <v>247</v>
      </c>
      <c r="F701" s="16" t="s">
        <v>83</v>
      </c>
    </row>
    <row r="702" spans="1:6" ht="60" x14ac:dyDescent="0.25">
      <c r="A702" s="15" t="s">
        <v>61</v>
      </c>
      <c r="B702" s="20" t="s">
        <v>186</v>
      </c>
      <c r="C702" s="16" t="s">
        <v>246</v>
      </c>
      <c r="D702" s="16" t="s">
        <v>245</v>
      </c>
      <c r="E702" s="16" t="s">
        <v>244</v>
      </c>
      <c r="F702" s="16" t="s">
        <v>83</v>
      </c>
    </row>
    <row r="703" spans="1:6" ht="60" x14ac:dyDescent="0.25">
      <c r="A703" s="15" t="s">
        <v>61</v>
      </c>
      <c r="B703" s="20" t="s">
        <v>186</v>
      </c>
      <c r="C703" s="16" t="s">
        <v>243</v>
      </c>
      <c r="D703" s="16" t="s">
        <v>242</v>
      </c>
      <c r="E703" s="16" t="s">
        <v>241</v>
      </c>
      <c r="F703" s="16" t="s">
        <v>83</v>
      </c>
    </row>
    <row r="704" spans="1:6" ht="60" x14ac:dyDescent="0.25">
      <c r="A704" s="15" t="s">
        <v>61</v>
      </c>
      <c r="B704" s="20" t="s">
        <v>186</v>
      </c>
      <c r="C704" s="16" t="s">
        <v>240</v>
      </c>
      <c r="D704" s="16" t="s">
        <v>239</v>
      </c>
      <c r="E704" s="16" t="s">
        <v>238</v>
      </c>
      <c r="F704" s="16" t="s">
        <v>83</v>
      </c>
    </row>
    <row r="705" spans="1:6" ht="60" x14ac:dyDescent="0.25">
      <c r="A705" s="15" t="s">
        <v>61</v>
      </c>
      <c r="B705" s="20" t="s">
        <v>186</v>
      </c>
      <c r="C705" s="16" t="s">
        <v>237</v>
      </c>
      <c r="D705" s="16" t="s">
        <v>236</v>
      </c>
      <c r="E705" s="16" t="s">
        <v>235</v>
      </c>
      <c r="F705" s="16" t="s">
        <v>83</v>
      </c>
    </row>
    <row r="706" spans="1:6" ht="60" x14ac:dyDescent="0.25">
      <c r="A706" s="15" t="s">
        <v>61</v>
      </c>
      <c r="B706" s="20" t="s">
        <v>186</v>
      </c>
      <c r="C706" s="16" t="s">
        <v>234</v>
      </c>
      <c r="D706" s="16" t="s">
        <v>233</v>
      </c>
      <c r="E706" s="16" t="s">
        <v>232</v>
      </c>
      <c r="F706" s="16" t="s">
        <v>83</v>
      </c>
    </row>
    <row r="707" spans="1:6" ht="60" x14ac:dyDescent="0.25">
      <c r="A707" s="15" t="s">
        <v>61</v>
      </c>
      <c r="B707" s="20" t="s">
        <v>186</v>
      </c>
      <c r="C707" s="16" t="s">
        <v>231</v>
      </c>
      <c r="D707" s="16" t="s">
        <v>230</v>
      </c>
      <c r="E707" s="16" t="s">
        <v>229</v>
      </c>
      <c r="F707" s="16" t="s">
        <v>83</v>
      </c>
    </row>
    <row r="708" spans="1:6" ht="60" x14ac:dyDescent="0.25">
      <c r="A708" s="15" t="s">
        <v>61</v>
      </c>
      <c r="B708" s="20" t="s">
        <v>186</v>
      </c>
      <c r="C708" s="16" t="s">
        <v>228</v>
      </c>
      <c r="D708" s="16" t="s">
        <v>227</v>
      </c>
      <c r="E708" s="16" t="s">
        <v>226</v>
      </c>
      <c r="F708" s="16" t="s">
        <v>83</v>
      </c>
    </row>
    <row r="709" spans="1:6" ht="60" x14ac:dyDescent="0.25">
      <c r="A709" s="15" t="s">
        <v>61</v>
      </c>
      <c r="B709" s="20" t="s">
        <v>186</v>
      </c>
      <c r="C709" s="16" t="s">
        <v>225</v>
      </c>
      <c r="D709" s="16" t="s">
        <v>224</v>
      </c>
      <c r="E709" s="16" t="s">
        <v>223</v>
      </c>
      <c r="F709" s="16" t="s">
        <v>83</v>
      </c>
    </row>
    <row r="710" spans="1:6" ht="60" x14ac:dyDescent="0.25">
      <c r="A710" s="15" t="s">
        <v>61</v>
      </c>
      <c r="B710" s="20" t="s">
        <v>186</v>
      </c>
      <c r="C710" s="16" t="s">
        <v>222</v>
      </c>
      <c r="D710" s="16" t="s">
        <v>221</v>
      </c>
      <c r="E710" s="16" t="s">
        <v>220</v>
      </c>
      <c r="F710" s="16" t="s">
        <v>83</v>
      </c>
    </row>
    <row r="711" spans="1:6" ht="60" x14ac:dyDescent="0.25">
      <c r="A711" s="15" t="s">
        <v>61</v>
      </c>
      <c r="B711" s="20" t="s">
        <v>186</v>
      </c>
      <c r="C711" s="16" t="s">
        <v>219</v>
      </c>
      <c r="D711" s="16" t="s">
        <v>218</v>
      </c>
      <c r="E711" s="16" t="s">
        <v>217</v>
      </c>
      <c r="F711" s="16" t="s">
        <v>83</v>
      </c>
    </row>
    <row r="712" spans="1:6" ht="60" x14ac:dyDescent="0.25">
      <c r="A712" s="15" t="s">
        <v>61</v>
      </c>
      <c r="B712" s="20" t="s">
        <v>186</v>
      </c>
      <c r="C712" s="16" t="s">
        <v>216</v>
      </c>
      <c r="D712" s="16" t="s">
        <v>215</v>
      </c>
      <c r="E712" s="16" t="s">
        <v>214</v>
      </c>
      <c r="F712" s="16" t="s">
        <v>83</v>
      </c>
    </row>
    <row r="713" spans="1:6" ht="60" x14ac:dyDescent="0.25">
      <c r="A713" s="15" t="s">
        <v>61</v>
      </c>
      <c r="B713" s="20" t="s">
        <v>186</v>
      </c>
      <c r="C713" s="16" t="s">
        <v>213</v>
      </c>
      <c r="D713" s="16" t="s">
        <v>212</v>
      </c>
      <c r="E713" s="16" t="s">
        <v>211</v>
      </c>
      <c r="F713" s="16" t="s">
        <v>83</v>
      </c>
    </row>
    <row r="714" spans="1:6" ht="60" x14ac:dyDescent="0.25">
      <c r="A714" s="15" t="s">
        <v>61</v>
      </c>
      <c r="B714" s="20" t="s">
        <v>186</v>
      </c>
      <c r="C714" s="16" t="s">
        <v>210</v>
      </c>
      <c r="D714" s="16" t="s">
        <v>209</v>
      </c>
      <c r="E714" s="16" t="s">
        <v>208</v>
      </c>
      <c r="F714" s="16" t="s">
        <v>83</v>
      </c>
    </row>
    <row r="715" spans="1:6" ht="72" x14ac:dyDescent="0.25">
      <c r="A715" s="15" t="s">
        <v>61</v>
      </c>
      <c r="B715" s="20" t="s">
        <v>186</v>
      </c>
      <c r="C715" s="16" t="s">
        <v>207</v>
      </c>
      <c r="D715" s="16" t="s">
        <v>206</v>
      </c>
      <c r="E715" s="16" t="s">
        <v>205</v>
      </c>
      <c r="F715" s="16" t="s">
        <v>83</v>
      </c>
    </row>
    <row r="716" spans="1:6" ht="60" x14ac:dyDescent="0.25">
      <c r="A716" s="15" t="s">
        <v>61</v>
      </c>
      <c r="B716" s="20" t="s">
        <v>186</v>
      </c>
      <c r="C716" s="16" t="s">
        <v>204</v>
      </c>
      <c r="D716" s="16" t="s">
        <v>203</v>
      </c>
      <c r="E716" s="16" t="s">
        <v>202</v>
      </c>
      <c r="F716" s="16" t="s">
        <v>83</v>
      </c>
    </row>
    <row r="717" spans="1:6" ht="60" x14ac:dyDescent="0.25">
      <c r="A717" s="15" t="s">
        <v>61</v>
      </c>
      <c r="B717" s="20" t="s">
        <v>186</v>
      </c>
      <c r="C717" s="16" t="s">
        <v>201</v>
      </c>
      <c r="D717" s="16" t="s">
        <v>200</v>
      </c>
      <c r="E717" s="16" t="s">
        <v>199</v>
      </c>
      <c r="F717" s="16" t="s">
        <v>83</v>
      </c>
    </row>
    <row r="718" spans="1:6" ht="60" x14ac:dyDescent="0.25">
      <c r="A718" s="15" t="s">
        <v>61</v>
      </c>
      <c r="B718" s="20" t="s">
        <v>186</v>
      </c>
      <c r="C718" s="16" t="s">
        <v>198</v>
      </c>
      <c r="D718" s="16" t="s">
        <v>197</v>
      </c>
      <c r="E718" s="16" t="s">
        <v>196</v>
      </c>
      <c r="F718" s="16" t="s">
        <v>83</v>
      </c>
    </row>
    <row r="719" spans="1:6" ht="60" x14ac:dyDescent="0.25">
      <c r="A719" s="15" t="s">
        <v>61</v>
      </c>
      <c r="B719" s="20" t="s">
        <v>186</v>
      </c>
      <c r="C719" s="16" t="s">
        <v>195</v>
      </c>
      <c r="D719" s="16" t="s">
        <v>194</v>
      </c>
      <c r="E719" s="16" t="s">
        <v>193</v>
      </c>
      <c r="F719" s="16" t="s">
        <v>83</v>
      </c>
    </row>
    <row r="720" spans="1:6" ht="60" x14ac:dyDescent="0.25">
      <c r="A720" s="15" t="s">
        <v>61</v>
      </c>
      <c r="B720" s="20" t="s">
        <v>186</v>
      </c>
      <c r="C720" s="16" t="s">
        <v>192</v>
      </c>
      <c r="D720" s="16" t="s">
        <v>191</v>
      </c>
      <c r="E720" s="16" t="s">
        <v>190</v>
      </c>
      <c r="F720" s="16" t="s">
        <v>83</v>
      </c>
    </row>
    <row r="721" spans="1:6" ht="60" x14ac:dyDescent="0.25">
      <c r="A721" s="15" t="s">
        <v>61</v>
      </c>
      <c r="B721" s="20" t="s">
        <v>186</v>
      </c>
      <c r="C721" s="16" t="s">
        <v>189</v>
      </c>
      <c r="D721" s="16" t="s">
        <v>188</v>
      </c>
      <c r="E721" s="16" t="s">
        <v>187</v>
      </c>
      <c r="F721" s="16" t="s">
        <v>83</v>
      </c>
    </row>
    <row r="722" spans="1:6" ht="60.75" thickBot="1" x14ac:dyDescent="0.3">
      <c r="A722" s="22" t="s">
        <v>61</v>
      </c>
      <c r="B722" s="23" t="s">
        <v>186</v>
      </c>
      <c r="C722" s="24" t="s">
        <v>185</v>
      </c>
      <c r="D722" s="24" t="s">
        <v>184</v>
      </c>
      <c r="E722" s="24" t="s">
        <v>184</v>
      </c>
      <c r="F722" s="16" t="s">
        <v>83</v>
      </c>
    </row>
    <row r="723" spans="1:6" ht="36.75" thickTop="1" x14ac:dyDescent="0.25">
      <c r="A723" s="25" t="s">
        <v>62</v>
      </c>
      <c r="B723" s="26" t="s">
        <v>164</v>
      </c>
      <c r="C723" s="27" t="s">
        <v>101</v>
      </c>
      <c r="D723" s="27" t="s">
        <v>183</v>
      </c>
      <c r="E723" s="27" t="s">
        <v>182</v>
      </c>
      <c r="F723" s="16" t="s">
        <v>83</v>
      </c>
    </row>
    <row r="724" spans="1:6" ht="36" x14ac:dyDescent="0.25">
      <c r="A724" s="15" t="s">
        <v>62</v>
      </c>
      <c r="B724" s="20" t="s">
        <v>164</v>
      </c>
      <c r="C724" s="16" t="s">
        <v>181</v>
      </c>
      <c r="D724" s="16" t="s">
        <v>180</v>
      </c>
      <c r="E724" s="16" t="s">
        <v>179</v>
      </c>
      <c r="F724" s="16" t="s">
        <v>83</v>
      </c>
    </row>
    <row r="725" spans="1:6" ht="36" x14ac:dyDescent="0.25">
      <c r="A725" s="15" t="s">
        <v>62</v>
      </c>
      <c r="B725" s="20" t="s">
        <v>164</v>
      </c>
      <c r="C725" s="16" t="s">
        <v>118</v>
      </c>
      <c r="D725" s="16" t="s">
        <v>178</v>
      </c>
      <c r="E725" s="16" t="s">
        <v>177</v>
      </c>
      <c r="F725" s="16" t="s">
        <v>83</v>
      </c>
    </row>
    <row r="726" spans="1:6" ht="36" x14ac:dyDescent="0.25">
      <c r="A726" s="15" t="s">
        <v>62</v>
      </c>
      <c r="B726" s="20" t="s">
        <v>164</v>
      </c>
      <c r="C726" s="16" t="s">
        <v>176</v>
      </c>
      <c r="D726" s="16" t="s">
        <v>175</v>
      </c>
      <c r="E726" s="16" t="s">
        <v>174</v>
      </c>
      <c r="F726" s="16" t="s">
        <v>83</v>
      </c>
    </row>
    <row r="727" spans="1:6" ht="36" x14ac:dyDescent="0.25">
      <c r="A727" s="15" t="s">
        <v>62</v>
      </c>
      <c r="B727" s="20" t="s">
        <v>164</v>
      </c>
      <c r="C727" s="16" t="s">
        <v>173</v>
      </c>
      <c r="D727" s="16" t="s">
        <v>172</v>
      </c>
      <c r="E727" s="16" t="s">
        <v>171</v>
      </c>
      <c r="F727" s="16" t="s">
        <v>83</v>
      </c>
    </row>
    <row r="728" spans="1:6" ht="36" x14ac:dyDescent="0.25">
      <c r="A728" s="15" t="s">
        <v>62</v>
      </c>
      <c r="B728" s="20" t="s">
        <v>164</v>
      </c>
      <c r="C728" s="16" t="s">
        <v>170</v>
      </c>
      <c r="D728" s="16" t="s">
        <v>169</v>
      </c>
      <c r="E728" s="16" t="s">
        <v>168</v>
      </c>
      <c r="F728" s="16" t="s">
        <v>83</v>
      </c>
    </row>
    <row r="729" spans="1:6" ht="36" x14ac:dyDescent="0.25">
      <c r="A729" s="15" t="s">
        <v>62</v>
      </c>
      <c r="B729" s="20" t="s">
        <v>164</v>
      </c>
      <c r="C729" s="16" t="s">
        <v>167</v>
      </c>
      <c r="D729" s="16" t="s">
        <v>166</v>
      </c>
      <c r="E729" s="16" t="s">
        <v>165</v>
      </c>
      <c r="F729" s="16" t="s">
        <v>83</v>
      </c>
    </row>
    <row r="730" spans="1:6" ht="36.75" thickBot="1" x14ac:dyDescent="0.3">
      <c r="A730" s="22" t="s">
        <v>62</v>
      </c>
      <c r="B730" s="23" t="s">
        <v>164</v>
      </c>
      <c r="C730" s="24" t="s">
        <v>163</v>
      </c>
      <c r="D730" s="24" t="s">
        <v>162</v>
      </c>
      <c r="E730" s="24" t="s">
        <v>161</v>
      </c>
      <c r="F730" s="16" t="s">
        <v>83</v>
      </c>
    </row>
    <row r="731" spans="1:6" ht="25.5" thickTop="1" thickBot="1" x14ac:dyDescent="0.3">
      <c r="A731" s="28" t="s">
        <v>63</v>
      </c>
      <c r="B731" s="29" t="s">
        <v>160</v>
      </c>
      <c r="C731" s="30"/>
      <c r="D731" s="30"/>
      <c r="E731" s="30"/>
      <c r="F731" s="16" t="s">
        <v>83</v>
      </c>
    </row>
    <row r="732" spans="1:6" ht="13.5" thickTop="1" thickBot="1" x14ac:dyDescent="0.3">
      <c r="A732" s="28" t="s">
        <v>64</v>
      </c>
      <c r="B732" s="29" t="s">
        <v>159</v>
      </c>
      <c r="C732" s="30"/>
      <c r="D732" s="30"/>
      <c r="E732" s="30"/>
      <c r="F732" s="16" t="s">
        <v>83</v>
      </c>
    </row>
    <row r="733" spans="1:6" ht="13.5" thickTop="1" thickBot="1" x14ac:dyDescent="0.3">
      <c r="A733" s="28" t="s">
        <v>65</v>
      </c>
      <c r="B733" s="29" t="s">
        <v>158</v>
      </c>
      <c r="C733" s="30"/>
      <c r="D733" s="30"/>
      <c r="E733" s="30"/>
      <c r="F733" s="16" t="s">
        <v>83</v>
      </c>
    </row>
    <row r="734" spans="1:6" ht="25.5" thickTop="1" thickBot="1" x14ac:dyDescent="0.3">
      <c r="A734" s="28" t="s">
        <v>66</v>
      </c>
      <c r="B734" s="29" t="s">
        <v>157</v>
      </c>
      <c r="C734" s="30"/>
      <c r="D734" s="30"/>
      <c r="E734" s="30"/>
      <c r="F734" s="16" t="s">
        <v>83</v>
      </c>
    </row>
    <row r="735" spans="1:6" ht="97.5" thickTop="1" thickBot="1" x14ac:dyDescent="0.3">
      <c r="A735" s="28" t="s">
        <v>67</v>
      </c>
      <c r="B735" s="29" t="s">
        <v>156</v>
      </c>
      <c r="C735" s="30"/>
      <c r="D735" s="30"/>
      <c r="E735" s="30"/>
      <c r="F735" s="16" t="s">
        <v>83</v>
      </c>
    </row>
    <row r="736" spans="1:6" ht="97.5" thickTop="1" thickBot="1" x14ac:dyDescent="0.3">
      <c r="A736" s="28" t="s">
        <v>68</v>
      </c>
      <c r="B736" s="29" t="s">
        <v>155</v>
      </c>
      <c r="C736" s="30"/>
      <c r="D736" s="30"/>
      <c r="E736" s="30"/>
      <c r="F736" s="16" t="s">
        <v>83</v>
      </c>
    </row>
    <row r="737" spans="1:6" ht="109.5" thickTop="1" thickBot="1" x14ac:dyDescent="0.3">
      <c r="A737" s="28" t="s">
        <v>69</v>
      </c>
      <c r="B737" s="29" t="s">
        <v>154</v>
      </c>
      <c r="C737" s="30"/>
      <c r="D737" s="30"/>
      <c r="E737" s="30"/>
      <c r="F737" s="16" t="s">
        <v>83</v>
      </c>
    </row>
    <row r="738" spans="1:6" ht="25.5" thickTop="1" thickBot="1" x14ac:dyDescent="0.3">
      <c r="A738" s="28" t="s">
        <v>70</v>
      </c>
      <c r="B738" s="29" t="s">
        <v>153</v>
      </c>
      <c r="C738" s="30"/>
      <c r="D738" s="30"/>
      <c r="E738" s="30"/>
      <c r="F738" s="16" t="s">
        <v>83</v>
      </c>
    </row>
    <row r="739" spans="1:6" ht="13.5" thickTop="1" thickBot="1" x14ac:dyDescent="0.3">
      <c r="A739" s="28" t="s">
        <v>71</v>
      </c>
      <c r="B739" s="29" t="s">
        <v>152</v>
      </c>
      <c r="C739" s="30"/>
      <c r="D739" s="30"/>
      <c r="E739" s="30"/>
      <c r="F739" s="16" t="s">
        <v>83</v>
      </c>
    </row>
    <row r="740" spans="1:6" ht="13.5" thickTop="1" thickBot="1" x14ac:dyDescent="0.3">
      <c r="A740" s="28" t="s">
        <v>72</v>
      </c>
      <c r="B740" s="29" t="s">
        <v>151</v>
      </c>
      <c r="C740" s="30"/>
      <c r="D740" s="30"/>
      <c r="E740" s="30"/>
      <c r="F740" s="16" t="s">
        <v>83</v>
      </c>
    </row>
    <row r="741" spans="1:6" ht="49.5" thickTop="1" thickBot="1" x14ac:dyDescent="0.3">
      <c r="A741" s="28" t="s">
        <v>73</v>
      </c>
      <c r="B741" s="29" t="s">
        <v>150</v>
      </c>
      <c r="C741" s="30"/>
      <c r="D741" s="30"/>
      <c r="E741" s="30"/>
      <c r="F741" s="16" t="s">
        <v>83</v>
      </c>
    </row>
    <row r="742" spans="1:6" ht="13.5" thickTop="1" thickBot="1" x14ac:dyDescent="0.3">
      <c r="A742" s="28" t="s">
        <v>74</v>
      </c>
      <c r="B742" s="29" t="s">
        <v>149</v>
      </c>
      <c r="C742" s="30"/>
      <c r="D742" s="30"/>
      <c r="E742" s="30"/>
      <c r="F742" s="16" t="s">
        <v>83</v>
      </c>
    </row>
    <row r="743" spans="1:6" ht="25.5" thickTop="1" thickBot="1" x14ac:dyDescent="0.3">
      <c r="A743" s="28" t="s">
        <v>148</v>
      </c>
      <c r="B743" s="29" t="s">
        <v>147</v>
      </c>
      <c r="C743" s="30"/>
      <c r="D743" s="30"/>
      <c r="E743" s="30"/>
      <c r="F743" s="16" t="s">
        <v>83</v>
      </c>
    </row>
    <row r="744" spans="1:6" ht="24.75" thickTop="1" x14ac:dyDescent="0.25">
      <c r="A744" s="25" t="s">
        <v>134</v>
      </c>
      <c r="B744" s="26" t="s">
        <v>133</v>
      </c>
      <c r="C744" s="27">
        <v>0</v>
      </c>
      <c r="D744" s="27" t="s">
        <v>146</v>
      </c>
      <c r="E744" s="27" t="s">
        <v>145</v>
      </c>
      <c r="F744" s="16" t="s">
        <v>83</v>
      </c>
    </row>
    <row r="745" spans="1:6" ht="24" x14ac:dyDescent="0.25">
      <c r="A745" s="15" t="s">
        <v>134</v>
      </c>
      <c r="B745" s="20" t="s">
        <v>133</v>
      </c>
      <c r="C745" s="16">
        <v>1</v>
      </c>
      <c r="D745" s="16" t="s">
        <v>144</v>
      </c>
      <c r="E745" s="16" t="s">
        <v>143</v>
      </c>
      <c r="F745" s="16" t="s">
        <v>83</v>
      </c>
    </row>
    <row r="746" spans="1:6" ht="24" x14ac:dyDescent="0.25">
      <c r="A746" s="15" t="s">
        <v>134</v>
      </c>
      <c r="B746" s="20" t="s">
        <v>133</v>
      </c>
      <c r="C746" s="16">
        <v>2</v>
      </c>
      <c r="D746" s="16" t="s">
        <v>142</v>
      </c>
      <c r="E746" s="16" t="s">
        <v>141</v>
      </c>
      <c r="F746" s="16" t="s">
        <v>83</v>
      </c>
    </row>
    <row r="747" spans="1:6" ht="24" x14ac:dyDescent="0.25">
      <c r="A747" s="15" t="s">
        <v>134</v>
      </c>
      <c r="B747" s="20" t="s">
        <v>133</v>
      </c>
      <c r="C747" s="16">
        <v>3</v>
      </c>
      <c r="D747" s="16" t="s">
        <v>140</v>
      </c>
      <c r="E747" s="16" t="s">
        <v>139</v>
      </c>
      <c r="F747" s="16" t="s">
        <v>83</v>
      </c>
    </row>
    <row r="748" spans="1:6" ht="24" x14ac:dyDescent="0.25">
      <c r="A748" s="15" t="s">
        <v>134</v>
      </c>
      <c r="B748" s="20" t="s">
        <v>133</v>
      </c>
      <c r="C748" s="16">
        <v>4</v>
      </c>
      <c r="D748" s="16" t="s">
        <v>138</v>
      </c>
      <c r="E748" s="16" t="s">
        <v>137</v>
      </c>
      <c r="F748" s="16" t="s">
        <v>83</v>
      </c>
    </row>
    <row r="749" spans="1:6" ht="24" x14ac:dyDescent="0.25">
      <c r="A749" s="15" t="s">
        <v>134</v>
      </c>
      <c r="B749" s="20" t="s">
        <v>133</v>
      </c>
      <c r="C749" s="16">
        <v>5</v>
      </c>
      <c r="D749" s="16" t="s">
        <v>136</v>
      </c>
      <c r="E749" s="16" t="s">
        <v>135</v>
      </c>
      <c r="F749" s="16" t="s">
        <v>83</v>
      </c>
    </row>
    <row r="750" spans="1:6" ht="24.75" thickBot="1" x14ac:dyDescent="0.3">
      <c r="A750" s="22" t="s">
        <v>134</v>
      </c>
      <c r="B750" s="23" t="s">
        <v>133</v>
      </c>
      <c r="C750" s="24">
        <v>6</v>
      </c>
      <c r="D750" s="24" t="s">
        <v>132</v>
      </c>
      <c r="E750" s="24" t="s">
        <v>131</v>
      </c>
      <c r="F750" s="16" t="s">
        <v>83</v>
      </c>
    </row>
    <row r="751" spans="1:6" ht="24.75" thickTop="1" x14ac:dyDescent="0.25">
      <c r="A751" s="25" t="s">
        <v>124</v>
      </c>
      <c r="B751" s="26" t="s">
        <v>123</v>
      </c>
      <c r="C751" s="27">
        <v>1</v>
      </c>
      <c r="D751" s="27" t="s">
        <v>130</v>
      </c>
      <c r="E751" s="27" t="s">
        <v>129</v>
      </c>
      <c r="F751" s="16" t="s">
        <v>83</v>
      </c>
    </row>
    <row r="752" spans="1:6" ht="24" x14ac:dyDescent="0.25">
      <c r="A752" s="15" t="s">
        <v>124</v>
      </c>
      <c r="B752" s="20" t="s">
        <v>123</v>
      </c>
      <c r="C752" s="16">
        <v>2</v>
      </c>
      <c r="D752" s="16" t="s">
        <v>128</v>
      </c>
      <c r="E752" s="16" t="s">
        <v>127</v>
      </c>
      <c r="F752" s="16" t="s">
        <v>83</v>
      </c>
    </row>
    <row r="753" spans="1:6" ht="24" x14ac:dyDescent="0.25">
      <c r="A753" s="15" t="s">
        <v>124</v>
      </c>
      <c r="B753" s="20" t="s">
        <v>123</v>
      </c>
      <c r="C753" s="16">
        <v>3</v>
      </c>
      <c r="D753" s="16" t="s">
        <v>126</v>
      </c>
      <c r="E753" s="16" t="s">
        <v>125</v>
      </c>
      <c r="F753" s="16" t="s">
        <v>83</v>
      </c>
    </row>
    <row r="754" spans="1:6" ht="24.75" thickBot="1" x14ac:dyDescent="0.3">
      <c r="A754" s="22" t="s">
        <v>124</v>
      </c>
      <c r="B754" s="23" t="s">
        <v>123</v>
      </c>
      <c r="C754" s="24">
        <v>4</v>
      </c>
      <c r="D754" s="24" t="s">
        <v>122</v>
      </c>
      <c r="E754" s="24" t="s">
        <v>121</v>
      </c>
      <c r="F754" s="16" t="s">
        <v>83</v>
      </c>
    </row>
    <row r="755" spans="1:6" ht="24.75" thickTop="1" x14ac:dyDescent="0.25">
      <c r="A755" s="25" t="s">
        <v>103</v>
      </c>
      <c r="B755" s="26" t="s">
        <v>102</v>
      </c>
      <c r="C755" s="27" t="s">
        <v>120</v>
      </c>
      <c r="D755" s="27" t="s">
        <v>119</v>
      </c>
      <c r="E755" s="27"/>
      <c r="F755" s="16" t="s">
        <v>83</v>
      </c>
    </row>
    <row r="756" spans="1:6" ht="24" x14ac:dyDescent="0.25">
      <c r="A756" s="15" t="s">
        <v>103</v>
      </c>
      <c r="B756" s="20" t="s">
        <v>102</v>
      </c>
      <c r="C756" s="16" t="s">
        <v>118</v>
      </c>
      <c r="D756" s="16" t="s">
        <v>117</v>
      </c>
      <c r="E756" s="16" t="s">
        <v>116</v>
      </c>
      <c r="F756" s="16" t="s">
        <v>83</v>
      </c>
    </row>
    <row r="757" spans="1:6" ht="24" x14ac:dyDescent="0.25">
      <c r="A757" s="15" t="s">
        <v>103</v>
      </c>
      <c r="B757" s="20" t="s">
        <v>102</v>
      </c>
      <c r="C757" s="16" t="s">
        <v>115</v>
      </c>
      <c r="D757" s="16" t="s">
        <v>114</v>
      </c>
      <c r="E757" s="16" t="s">
        <v>113</v>
      </c>
      <c r="F757" s="16" t="s">
        <v>83</v>
      </c>
    </row>
    <row r="758" spans="1:6" ht="24" x14ac:dyDescent="0.25">
      <c r="A758" s="15" t="s">
        <v>103</v>
      </c>
      <c r="B758" s="20" t="s">
        <v>102</v>
      </c>
      <c r="C758" s="16" t="s">
        <v>112</v>
      </c>
      <c r="D758" s="16" t="s">
        <v>111</v>
      </c>
      <c r="E758" s="16" t="s">
        <v>110</v>
      </c>
      <c r="F758" s="16" t="s">
        <v>83</v>
      </c>
    </row>
    <row r="759" spans="1:6" ht="24" x14ac:dyDescent="0.25">
      <c r="A759" s="15" t="s">
        <v>103</v>
      </c>
      <c r="B759" s="20" t="s">
        <v>102</v>
      </c>
      <c r="C759" s="16" t="s">
        <v>109</v>
      </c>
      <c r="D759" s="16" t="s">
        <v>108</v>
      </c>
      <c r="E759" s="16" t="s">
        <v>107</v>
      </c>
      <c r="F759" s="16" t="s">
        <v>83</v>
      </c>
    </row>
    <row r="760" spans="1:6" ht="24" x14ac:dyDescent="0.25">
      <c r="A760" s="15" t="s">
        <v>103</v>
      </c>
      <c r="B760" s="20" t="s">
        <v>102</v>
      </c>
      <c r="C760" s="16" t="s">
        <v>106</v>
      </c>
      <c r="D760" s="16" t="s">
        <v>105</v>
      </c>
      <c r="E760" s="16" t="s">
        <v>104</v>
      </c>
      <c r="F760" s="16" t="s">
        <v>83</v>
      </c>
    </row>
    <row r="761" spans="1:6" ht="24.75" thickBot="1" x14ac:dyDescent="0.3">
      <c r="A761" s="22" t="s">
        <v>103</v>
      </c>
      <c r="B761" s="23" t="s">
        <v>102</v>
      </c>
      <c r="C761" s="24" t="s">
        <v>101</v>
      </c>
      <c r="D761" s="24" t="s">
        <v>100</v>
      </c>
      <c r="E761" s="24"/>
      <c r="F761" s="16" t="s">
        <v>83</v>
      </c>
    </row>
    <row r="762" spans="1:6" ht="24.75" thickTop="1" x14ac:dyDescent="0.25">
      <c r="A762" s="25" t="s">
        <v>75</v>
      </c>
      <c r="B762" s="26" t="s">
        <v>91</v>
      </c>
      <c r="C762" s="27" t="s">
        <v>99</v>
      </c>
      <c r="D762" s="27" t="s">
        <v>98</v>
      </c>
      <c r="E762" s="27"/>
      <c r="F762" s="16" t="s">
        <v>83</v>
      </c>
    </row>
    <row r="763" spans="1:6" ht="24" x14ac:dyDescent="0.25">
      <c r="A763" s="15" t="s">
        <v>75</v>
      </c>
      <c r="B763" s="20" t="s">
        <v>91</v>
      </c>
      <c r="C763" s="16" t="s">
        <v>97</v>
      </c>
      <c r="D763" s="16" t="s">
        <v>96</v>
      </c>
      <c r="E763" s="16"/>
      <c r="F763" s="16" t="s">
        <v>83</v>
      </c>
    </row>
    <row r="764" spans="1:6" ht="24" x14ac:dyDescent="0.25">
      <c r="A764" s="15" t="s">
        <v>75</v>
      </c>
      <c r="B764" s="20" t="s">
        <v>91</v>
      </c>
      <c r="C764" s="16" t="s">
        <v>95</v>
      </c>
      <c r="D764" s="16" t="s">
        <v>94</v>
      </c>
      <c r="E764" s="16"/>
      <c r="F764" s="16" t="s">
        <v>83</v>
      </c>
    </row>
    <row r="765" spans="1:6" ht="24" x14ac:dyDescent="0.25">
      <c r="A765" s="15" t="s">
        <v>75</v>
      </c>
      <c r="B765" s="20" t="s">
        <v>91</v>
      </c>
      <c r="C765" s="16" t="s">
        <v>93</v>
      </c>
      <c r="D765" s="16" t="s">
        <v>92</v>
      </c>
      <c r="E765" s="16"/>
      <c r="F765" s="16" t="s">
        <v>83</v>
      </c>
    </row>
    <row r="766" spans="1:6" ht="24.75" thickBot="1" x14ac:dyDescent="0.3">
      <c r="A766" s="22" t="s">
        <v>75</v>
      </c>
      <c r="B766" s="23" t="s">
        <v>91</v>
      </c>
      <c r="C766" s="24" t="s">
        <v>90</v>
      </c>
      <c r="D766" s="24" t="s">
        <v>89</v>
      </c>
      <c r="E766" s="24"/>
      <c r="F766" s="16" t="s">
        <v>83</v>
      </c>
    </row>
    <row r="767" spans="1:6" ht="37.5" thickTop="1" thickBot="1" x14ac:dyDescent="0.3">
      <c r="A767" s="28" t="s">
        <v>76</v>
      </c>
      <c r="B767" s="29" t="s">
        <v>88</v>
      </c>
      <c r="C767" s="30"/>
      <c r="D767" s="30"/>
      <c r="E767" s="30"/>
      <c r="F767" s="16" t="s">
        <v>83</v>
      </c>
    </row>
    <row r="768" spans="1:6" ht="25.5" thickTop="1" thickBot="1" x14ac:dyDescent="0.3">
      <c r="A768" s="28" t="s">
        <v>77</v>
      </c>
      <c r="B768" s="29" t="s">
        <v>87</v>
      </c>
      <c r="C768" s="30"/>
      <c r="D768" s="30"/>
      <c r="E768" s="30"/>
      <c r="F768" s="16" t="s">
        <v>83</v>
      </c>
    </row>
    <row r="769" spans="1:6" ht="13.5" thickTop="1" thickBot="1" x14ac:dyDescent="0.3">
      <c r="A769" s="28" t="s">
        <v>78</v>
      </c>
      <c r="B769" s="29" t="s">
        <v>86</v>
      </c>
      <c r="C769" s="30"/>
      <c r="D769" s="30"/>
      <c r="E769" s="30"/>
      <c r="F769" s="16" t="s">
        <v>83</v>
      </c>
    </row>
    <row r="770" spans="1:6" ht="13.5" thickTop="1" thickBot="1" x14ac:dyDescent="0.3">
      <c r="A770" s="28" t="s">
        <v>34</v>
      </c>
      <c r="B770" s="29" t="s">
        <v>85</v>
      </c>
      <c r="C770" s="30"/>
      <c r="D770" s="30"/>
      <c r="E770" s="30"/>
      <c r="F770" s="16" t="s">
        <v>83</v>
      </c>
    </row>
    <row r="771" spans="1:6" ht="157.5" thickTop="1" thickBot="1" x14ac:dyDescent="0.3">
      <c r="A771" s="28" t="s">
        <v>79</v>
      </c>
      <c r="B771" s="29" t="s">
        <v>1435</v>
      </c>
      <c r="C771" s="30"/>
      <c r="D771" s="30"/>
      <c r="E771" s="30"/>
      <c r="F771" s="16" t="s">
        <v>83</v>
      </c>
    </row>
    <row r="772" spans="1:6" ht="49.5" thickTop="1" thickBot="1" x14ac:dyDescent="0.3">
      <c r="A772" s="28" t="s">
        <v>1429</v>
      </c>
      <c r="B772" s="29" t="s">
        <v>84</v>
      </c>
      <c r="C772" s="30"/>
      <c r="D772" s="30"/>
      <c r="E772" s="30"/>
      <c r="F772" s="16" t="s">
        <v>83</v>
      </c>
    </row>
    <row r="773" spans="1:6" ht="61.5" thickTop="1" thickBot="1" x14ac:dyDescent="0.3">
      <c r="A773" s="28" t="s">
        <v>80</v>
      </c>
      <c r="B773" s="29" t="s">
        <v>82</v>
      </c>
      <c r="C773" s="30"/>
      <c r="D773" s="30"/>
      <c r="E773" s="30"/>
      <c r="F773" s="16"/>
    </row>
    <row r="774" spans="1:6" ht="85.5" thickTop="1" thickBot="1" x14ac:dyDescent="0.3">
      <c r="A774" s="28" t="s">
        <v>37</v>
      </c>
      <c r="B774" s="29" t="s">
        <v>81</v>
      </c>
      <c r="C774" s="30"/>
      <c r="D774" s="30"/>
      <c r="E774" s="30"/>
      <c r="F774" s="16"/>
    </row>
    <row r="775" spans="1:6" ht="109.5" thickTop="1" thickBot="1" x14ac:dyDescent="0.3">
      <c r="A775" s="28" t="s">
        <v>41</v>
      </c>
      <c r="B775" s="29" t="s">
        <v>759</v>
      </c>
      <c r="C775" s="30"/>
      <c r="D775" s="30"/>
      <c r="E775" s="30"/>
      <c r="F775" s="16" t="s">
        <v>679</v>
      </c>
    </row>
    <row r="776" spans="1:6" ht="72.75" thickTop="1" x14ac:dyDescent="0.25">
      <c r="A776" s="25" t="s">
        <v>1269</v>
      </c>
      <c r="B776" s="26" t="s">
        <v>1288</v>
      </c>
      <c r="C776" s="27" t="s">
        <v>1289</v>
      </c>
      <c r="D776" s="27" t="s">
        <v>1290</v>
      </c>
      <c r="E776" s="27" t="s">
        <v>1291</v>
      </c>
      <c r="F776" s="16" t="s">
        <v>679</v>
      </c>
    </row>
    <row r="777" spans="1:6" ht="72" x14ac:dyDescent="0.25">
      <c r="A777" s="15" t="s">
        <v>1269</v>
      </c>
      <c r="B777" s="20" t="s">
        <v>1288</v>
      </c>
      <c r="C777" s="16" t="s">
        <v>1292</v>
      </c>
      <c r="D777" s="16" t="s">
        <v>1293</v>
      </c>
      <c r="E777" s="16" t="s">
        <v>1294</v>
      </c>
      <c r="F777" s="16" t="s">
        <v>679</v>
      </c>
    </row>
    <row r="778" spans="1:6" ht="72" x14ac:dyDescent="0.25">
      <c r="A778" s="15" t="s">
        <v>1269</v>
      </c>
      <c r="B778" s="20" t="s">
        <v>1288</v>
      </c>
      <c r="C778" s="16" t="s">
        <v>1295</v>
      </c>
      <c r="D778" s="16" t="s">
        <v>1296</v>
      </c>
      <c r="E778" s="16" t="s">
        <v>1297</v>
      </c>
      <c r="F778" s="16" t="s">
        <v>679</v>
      </c>
    </row>
    <row r="779" spans="1:6" ht="72" x14ac:dyDescent="0.25">
      <c r="A779" s="15" t="s">
        <v>1269</v>
      </c>
      <c r="B779" s="20" t="s">
        <v>1288</v>
      </c>
      <c r="C779" s="16" t="s">
        <v>1298</v>
      </c>
      <c r="D779" s="16" t="s">
        <v>1299</v>
      </c>
      <c r="E779" s="16" t="s">
        <v>1300</v>
      </c>
      <c r="F779" s="16" t="s">
        <v>679</v>
      </c>
    </row>
    <row r="780" spans="1:6" ht="72" x14ac:dyDescent="0.25">
      <c r="A780" s="15" t="s">
        <v>1269</v>
      </c>
      <c r="B780" s="20" t="s">
        <v>1288</v>
      </c>
      <c r="C780" s="16" t="s">
        <v>1301</v>
      </c>
      <c r="D780" s="16" t="s">
        <v>1302</v>
      </c>
      <c r="E780" s="16" t="s">
        <v>1303</v>
      </c>
      <c r="F780" s="16" t="s">
        <v>679</v>
      </c>
    </row>
    <row r="781" spans="1:6" ht="72" x14ac:dyDescent="0.25">
      <c r="A781" s="15" t="s">
        <v>1269</v>
      </c>
      <c r="B781" s="20" t="s">
        <v>1288</v>
      </c>
      <c r="C781" s="16" t="s">
        <v>1304</v>
      </c>
      <c r="D781" s="16" t="s">
        <v>1305</v>
      </c>
      <c r="E781" s="16" t="s">
        <v>1306</v>
      </c>
      <c r="F781" s="16" t="s">
        <v>679</v>
      </c>
    </row>
    <row r="782" spans="1:6" ht="72" x14ac:dyDescent="0.25">
      <c r="A782" s="15" t="s">
        <v>1269</v>
      </c>
      <c r="B782" s="20" t="s">
        <v>1288</v>
      </c>
      <c r="C782" s="16" t="s">
        <v>1307</v>
      </c>
      <c r="D782" s="16" t="s">
        <v>1308</v>
      </c>
      <c r="E782" s="16" t="s">
        <v>1309</v>
      </c>
      <c r="F782" s="16" t="s">
        <v>679</v>
      </c>
    </row>
    <row r="783" spans="1:6" ht="72" x14ac:dyDescent="0.25">
      <c r="A783" s="15" t="s">
        <v>1269</v>
      </c>
      <c r="B783" s="20" t="s">
        <v>1288</v>
      </c>
      <c r="C783" s="16" t="s">
        <v>1310</v>
      </c>
      <c r="D783" s="16" t="s">
        <v>1311</v>
      </c>
      <c r="E783" s="16" t="s">
        <v>1312</v>
      </c>
      <c r="F783" s="16" t="s">
        <v>679</v>
      </c>
    </row>
    <row r="784" spans="1:6" ht="72" x14ac:dyDescent="0.25">
      <c r="A784" s="15" t="s">
        <v>1269</v>
      </c>
      <c r="B784" s="20" t="s">
        <v>1288</v>
      </c>
      <c r="C784" s="16" t="s">
        <v>1313</v>
      </c>
      <c r="D784" s="16" t="s">
        <v>1314</v>
      </c>
      <c r="E784" s="16" t="s">
        <v>1315</v>
      </c>
      <c r="F784" s="16" t="s">
        <v>679</v>
      </c>
    </row>
    <row r="785" spans="1:6" ht="72" x14ac:dyDescent="0.25">
      <c r="A785" s="15" t="s">
        <v>1269</v>
      </c>
      <c r="B785" s="20" t="s">
        <v>1288</v>
      </c>
      <c r="C785" s="16" t="s">
        <v>1316</v>
      </c>
      <c r="D785" s="16" t="s">
        <v>1317</v>
      </c>
      <c r="E785" s="16" t="s">
        <v>1318</v>
      </c>
      <c r="F785" s="16" t="s">
        <v>679</v>
      </c>
    </row>
    <row r="786" spans="1:6" ht="72" x14ac:dyDescent="0.25">
      <c r="A786" s="15" t="s">
        <v>1269</v>
      </c>
      <c r="B786" s="20" t="s">
        <v>1288</v>
      </c>
      <c r="C786" s="16" t="s">
        <v>1319</v>
      </c>
      <c r="D786" s="16" t="s">
        <v>1320</v>
      </c>
      <c r="E786" s="16" t="s">
        <v>1321</v>
      </c>
      <c r="F786" s="16" t="s">
        <v>679</v>
      </c>
    </row>
    <row r="787" spans="1:6" ht="72" x14ac:dyDescent="0.25">
      <c r="A787" s="15" t="s">
        <v>1269</v>
      </c>
      <c r="B787" s="20" t="s">
        <v>1288</v>
      </c>
      <c r="C787" s="16" t="s">
        <v>1322</v>
      </c>
      <c r="D787" s="16" t="s">
        <v>1323</v>
      </c>
      <c r="E787" s="16" t="s">
        <v>1324</v>
      </c>
      <c r="F787" s="16" t="s">
        <v>679</v>
      </c>
    </row>
    <row r="788" spans="1:6" ht="72" x14ac:dyDescent="0.25">
      <c r="A788" s="15" t="s">
        <v>1269</v>
      </c>
      <c r="B788" s="20" t="s">
        <v>1288</v>
      </c>
      <c r="C788" s="16" t="s">
        <v>1325</v>
      </c>
      <c r="D788" s="16" t="s">
        <v>1326</v>
      </c>
      <c r="E788" s="16" t="s">
        <v>1327</v>
      </c>
      <c r="F788" s="16" t="s">
        <v>679</v>
      </c>
    </row>
    <row r="789" spans="1:6" ht="72" x14ac:dyDescent="0.25">
      <c r="A789" s="15" t="s">
        <v>1269</v>
      </c>
      <c r="B789" s="20" t="s">
        <v>1288</v>
      </c>
      <c r="C789" s="16" t="s">
        <v>1328</v>
      </c>
      <c r="D789" s="16" t="s">
        <v>1329</v>
      </c>
      <c r="E789" s="16" t="s">
        <v>1330</v>
      </c>
      <c r="F789" s="16" t="s">
        <v>679</v>
      </c>
    </row>
    <row r="790" spans="1:6" ht="72.75" thickBot="1" x14ac:dyDescent="0.3">
      <c r="A790" s="22" t="s">
        <v>1269</v>
      </c>
      <c r="B790" s="23" t="s">
        <v>1288</v>
      </c>
      <c r="C790" s="24" t="s">
        <v>1331</v>
      </c>
      <c r="D790" s="24" t="s">
        <v>1332</v>
      </c>
      <c r="E790" s="24" t="s">
        <v>1333</v>
      </c>
      <c r="F790" s="16" t="s">
        <v>679</v>
      </c>
    </row>
    <row r="791" spans="1:6" ht="36.75" thickTop="1" x14ac:dyDescent="0.25">
      <c r="A791" s="25" t="s">
        <v>1270</v>
      </c>
      <c r="B791" s="26" t="s">
        <v>1334</v>
      </c>
      <c r="C791" s="27" t="s">
        <v>176</v>
      </c>
      <c r="D791" s="27" t="s">
        <v>1335</v>
      </c>
      <c r="E791" s="27"/>
      <c r="F791" s="16" t="s">
        <v>679</v>
      </c>
    </row>
    <row r="792" spans="1:6" ht="36" x14ac:dyDescent="0.25">
      <c r="A792" s="15" t="s">
        <v>1270</v>
      </c>
      <c r="B792" s="20" t="s">
        <v>1334</v>
      </c>
      <c r="C792" s="16" t="s">
        <v>120</v>
      </c>
      <c r="D792" s="16" t="s">
        <v>1336</v>
      </c>
      <c r="E792" s="16"/>
      <c r="F792" s="16" t="s">
        <v>679</v>
      </c>
    </row>
    <row r="793" spans="1:6" ht="36" x14ac:dyDescent="0.25">
      <c r="A793" s="15" t="s">
        <v>1270</v>
      </c>
      <c r="B793" s="20" t="s">
        <v>1334</v>
      </c>
      <c r="C793" s="16" t="s">
        <v>1337</v>
      </c>
      <c r="D793" s="16" t="s">
        <v>619</v>
      </c>
      <c r="E793" s="16"/>
      <c r="F793" s="16" t="s">
        <v>679</v>
      </c>
    </row>
    <row r="794" spans="1:6" ht="36.75" thickBot="1" x14ac:dyDescent="0.3">
      <c r="A794" s="22" t="s">
        <v>1270</v>
      </c>
      <c r="B794" s="23" t="s">
        <v>1334</v>
      </c>
      <c r="C794" s="24" t="s">
        <v>723</v>
      </c>
      <c r="D794" s="24" t="s">
        <v>1338</v>
      </c>
      <c r="E794" s="24"/>
      <c r="F794" s="16" t="s">
        <v>679</v>
      </c>
    </row>
    <row r="795" spans="1:6" ht="72.75" thickTop="1" x14ac:dyDescent="0.25">
      <c r="A795" s="25" t="s">
        <v>1271</v>
      </c>
      <c r="B795" s="26" t="s">
        <v>1339</v>
      </c>
      <c r="C795" s="27" t="s">
        <v>176</v>
      </c>
      <c r="D795" s="27" t="s">
        <v>1335</v>
      </c>
      <c r="E795" s="27"/>
      <c r="F795" s="16" t="s">
        <v>679</v>
      </c>
    </row>
    <row r="796" spans="1:6" ht="72" x14ac:dyDescent="0.25">
      <c r="A796" s="15" t="s">
        <v>1271</v>
      </c>
      <c r="B796" s="20" t="s">
        <v>1339</v>
      </c>
      <c r="C796" s="16" t="s">
        <v>120</v>
      </c>
      <c r="D796" s="16" t="s">
        <v>1336</v>
      </c>
      <c r="E796" s="16"/>
      <c r="F796" s="16" t="s">
        <v>679</v>
      </c>
    </row>
    <row r="797" spans="1:6" ht="72" x14ac:dyDescent="0.25">
      <c r="A797" s="15" t="s">
        <v>1271</v>
      </c>
      <c r="B797" s="20" t="s">
        <v>1339</v>
      </c>
      <c r="C797" s="16" t="s">
        <v>1337</v>
      </c>
      <c r="D797" s="16" t="s">
        <v>619</v>
      </c>
      <c r="E797" s="16"/>
      <c r="F797" s="16" t="s">
        <v>679</v>
      </c>
    </row>
    <row r="798" spans="1:6" ht="72.75" thickBot="1" x14ac:dyDescent="0.3">
      <c r="A798" s="22" t="s">
        <v>1271</v>
      </c>
      <c r="B798" s="23" t="s">
        <v>1339</v>
      </c>
      <c r="C798" s="24" t="s">
        <v>723</v>
      </c>
      <c r="D798" s="24" t="s">
        <v>1338</v>
      </c>
      <c r="E798" s="24"/>
      <c r="F798" s="16" t="s">
        <v>679</v>
      </c>
    </row>
    <row r="799" spans="1:6" ht="25.5" thickTop="1" thickBot="1" x14ac:dyDescent="0.3">
      <c r="A799" s="28" t="s">
        <v>1272</v>
      </c>
      <c r="B799" s="29" t="s">
        <v>1340</v>
      </c>
      <c r="C799" s="30"/>
      <c r="D799" s="30"/>
      <c r="E799" s="30"/>
      <c r="F799" s="16" t="s">
        <v>679</v>
      </c>
    </row>
    <row r="800" spans="1:6" ht="25.5" thickTop="1" thickBot="1" x14ac:dyDescent="0.3">
      <c r="A800" s="28" t="s">
        <v>1273</v>
      </c>
      <c r="B800" s="29" t="s">
        <v>1341</v>
      </c>
      <c r="C800" s="30"/>
      <c r="D800" s="30"/>
      <c r="E800" s="30"/>
      <c r="F800" s="16" t="s">
        <v>679</v>
      </c>
    </row>
    <row r="801" spans="1:6" ht="13.5" thickTop="1" thickBot="1" x14ac:dyDescent="0.3">
      <c r="A801" s="28" t="s">
        <v>1274</v>
      </c>
      <c r="B801" s="29" t="s">
        <v>1342</v>
      </c>
      <c r="C801" s="30"/>
      <c r="D801" s="30"/>
      <c r="E801" s="30"/>
      <c r="F801" s="16" t="s">
        <v>679</v>
      </c>
    </row>
    <row r="802" spans="1:6" ht="61.5" thickTop="1" thickBot="1" x14ac:dyDescent="0.3">
      <c r="A802" s="28" t="s">
        <v>1275</v>
      </c>
      <c r="B802" s="29" t="s">
        <v>1343</v>
      </c>
      <c r="C802" s="30"/>
      <c r="D802" s="30"/>
      <c r="E802" s="30"/>
      <c r="F802" s="16" t="s">
        <v>679</v>
      </c>
    </row>
    <row r="803" spans="1:6" ht="24.75" thickTop="1" x14ac:dyDescent="0.25">
      <c r="A803" s="25" t="s">
        <v>1276</v>
      </c>
      <c r="B803" s="26" t="s">
        <v>1344</v>
      </c>
      <c r="C803" s="27" t="s">
        <v>120</v>
      </c>
      <c r="D803" s="27" t="s">
        <v>726</v>
      </c>
      <c r="E803" s="27"/>
      <c r="F803" s="16" t="s">
        <v>679</v>
      </c>
    </row>
    <row r="804" spans="1:6" ht="24" x14ac:dyDescent="0.25">
      <c r="A804" s="15" t="s">
        <v>1276</v>
      </c>
      <c r="B804" s="20" t="s">
        <v>1344</v>
      </c>
      <c r="C804" s="16" t="s">
        <v>725</v>
      </c>
      <c r="D804" s="16" t="s">
        <v>724</v>
      </c>
      <c r="E804" s="16"/>
      <c r="F804" s="16" t="s">
        <v>679</v>
      </c>
    </row>
    <row r="805" spans="1:6" ht="24" x14ac:dyDescent="0.25">
      <c r="A805" s="15" t="s">
        <v>1276</v>
      </c>
      <c r="B805" s="20" t="s">
        <v>1344</v>
      </c>
      <c r="C805" s="16" t="s">
        <v>723</v>
      </c>
      <c r="D805" s="16" t="s">
        <v>722</v>
      </c>
      <c r="E805" s="16"/>
      <c r="F805" s="16" t="s">
        <v>679</v>
      </c>
    </row>
    <row r="806" spans="1:6" ht="24" x14ac:dyDescent="0.25">
      <c r="A806" s="15" t="s">
        <v>1276</v>
      </c>
      <c r="B806" s="20" t="s">
        <v>1344</v>
      </c>
      <c r="C806" s="16" t="s">
        <v>721</v>
      </c>
      <c r="D806" s="16" t="s">
        <v>720</v>
      </c>
      <c r="E806" s="16"/>
      <c r="F806" s="16" t="s">
        <v>679</v>
      </c>
    </row>
    <row r="807" spans="1:6" ht="24" x14ac:dyDescent="0.25">
      <c r="A807" s="15" t="s">
        <v>1276</v>
      </c>
      <c r="B807" s="20" t="s">
        <v>1344</v>
      </c>
      <c r="C807" s="16" t="s">
        <v>419</v>
      </c>
      <c r="D807" s="16" t="s">
        <v>719</v>
      </c>
      <c r="E807" s="16"/>
      <c r="F807" s="16" t="s">
        <v>679</v>
      </c>
    </row>
    <row r="808" spans="1:6" ht="24" x14ac:dyDescent="0.25">
      <c r="A808" s="15" t="s">
        <v>1276</v>
      </c>
      <c r="B808" s="20" t="s">
        <v>1344</v>
      </c>
      <c r="C808" s="16" t="s">
        <v>718</v>
      </c>
      <c r="D808" s="16" t="s">
        <v>717</v>
      </c>
      <c r="E808" s="16"/>
      <c r="F808" s="16" t="s">
        <v>679</v>
      </c>
    </row>
    <row r="809" spans="1:6" ht="24" x14ac:dyDescent="0.25">
      <c r="A809" s="15" t="s">
        <v>1276</v>
      </c>
      <c r="B809" s="20" t="s">
        <v>1344</v>
      </c>
      <c r="C809" s="16" t="s">
        <v>716</v>
      </c>
      <c r="D809" s="16" t="s">
        <v>715</v>
      </c>
      <c r="E809" s="16"/>
      <c r="F809" s="16" t="s">
        <v>679</v>
      </c>
    </row>
    <row r="810" spans="1:6" ht="24" x14ac:dyDescent="0.25">
      <c r="A810" s="15" t="s">
        <v>1276</v>
      </c>
      <c r="B810" s="20" t="s">
        <v>1344</v>
      </c>
      <c r="C810" s="16" t="s">
        <v>714</v>
      </c>
      <c r="D810" s="16" t="s">
        <v>713</v>
      </c>
      <c r="E810" s="16"/>
      <c r="F810" s="16" t="s">
        <v>679</v>
      </c>
    </row>
    <row r="811" spans="1:6" ht="24" x14ac:dyDescent="0.25">
      <c r="A811" s="15" t="s">
        <v>1276</v>
      </c>
      <c r="B811" s="20" t="s">
        <v>1344</v>
      </c>
      <c r="C811" s="16" t="s">
        <v>101</v>
      </c>
      <c r="D811" s="16" t="s">
        <v>712</v>
      </c>
      <c r="E811" s="16"/>
      <c r="F811" s="16" t="s">
        <v>679</v>
      </c>
    </row>
    <row r="812" spans="1:6" ht="24" x14ac:dyDescent="0.25">
      <c r="A812" s="15" t="s">
        <v>1276</v>
      </c>
      <c r="B812" s="20" t="s">
        <v>1344</v>
      </c>
      <c r="C812" s="16" t="s">
        <v>711</v>
      </c>
      <c r="D812" s="16" t="s">
        <v>710</v>
      </c>
      <c r="E812" s="16"/>
      <c r="F812" s="16" t="s">
        <v>679</v>
      </c>
    </row>
    <row r="813" spans="1:6" ht="24" x14ac:dyDescent="0.25">
      <c r="A813" s="15" t="s">
        <v>1276</v>
      </c>
      <c r="B813" s="20" t="s">
        <v>1344</v>
      </c>
      <c r="C813" s="16" t="s">
        <v>709</v>
      </c>
      <c r="D813" s="16" t="s">
        <v>708</v>
      </c>
      <c r="E813" s="16"/>
      <c r="F813" s="16" t="s">
        <v>679</v>
      </c>
    </row>
    <row r="814" spans="1:6" ht="24" x14ac:dyDescent="0.25">
      <c r="A814" s="15" t="s">
        <v>1276</v>
      </c>
      <c r="B814" s="20" t="s">
        <v>1344</v>
      </c>
      <c r="C814" s="16" t="s">
        <v>707</v>
      </c>
      <c r="D814" s="16" t="s">
        <v>706</v>
      </c>
      <c r="E814" s="16"/>
      <c r="F814" s="16" t="s">
        <v>679</v>
      </c>
    </row>
    <row r="815" spans="1:6" ht="24" x14ac:dyDescent="0.25">
      <c r="A815" s="15" t="s">
        <v>1276</v>
      </c>
      <c r="B815" s="20" t="s">
        <v>1344</v>
      </c>
      <c r="C815" s="16" t="s">
        <v>163</v>
      </c>
      <c r="D815" s="16" t="s">
        <v>705</v>
      </c>
      <c r="E815" s="16"/>
      <c r="F815" s="16" t="s">
        <v>679</v>
      </c>
    </row>
    <row r="816" spans="1:6" ht="24" x14ac:dyDescent="0.25">
      <c r="A816" s="15" t="s">
        <v>1276</v>
      </c>
      <c r="B816" s="20" t="s">
        <v>1344</v>
      </c>
      <c r="C816" s="16" t="s">
        <v>704</v>
      </c>
      <c r="D816" s="16" t="s">
        <v>703</v>
      </c>
      <c r="E816" s="16"/>
      <c r="F816" s="16" t="s">
        <v>679</v>
      </c>
    </row>
    <row r="817" spans="1:6" ht="24" x14ac:dyDescent="0.25">
      <c r="A817" s="15" t="s">
        <v>1276</v>
      </c>
      <c r="B817" s="20" t="s">
        <v>1344</v>
      </c>
      <c r="C817" s="16" t="s">
        <v>702</v>
      </c>
      <c r="D817" s="16" t="s">
        <v>701</v>
      </c>
      <c r="E817" s="16"/>
      <c r="F817" s="16" t="s">
        <v>679</v>
      </c>
    </row>
    <row r="818" spans="1:6" ht="24.75" thickBot="1" x14ac:dyDescent="0.3">
      <c r="A818" s="22" t="s">
        <v>1276</v>
      </c>
      <c r="B818" s="23" t="s">
        <v>1344</v>
      </c>
      <c r="C818" s="24" t="s">
        <v>699</v>
      </c>
      <c r="D818" s="24" t="s">
        <v>698</v>
      </c>
      <c r="E818" s="24"/>
      <c r="F818" s="16" t="s">
        <v>679</v>
      </c>
    </row>
    <row r="819" spans="1:6" ht="25.5" thickTop="1" thickBot="1" x14ac:dyDescent="0.3">
      <c r="A819" s="28" t="s">
        <v>1277</v>
      </c>
      <c r="B819" s="29" t="s">
        <v>1345</v>
      </c>
      <c r="C819" s="30"/>
      <c r="D819" s="30"/>
      <c r="E819" s="30"/>
      <c r="F819" s="16" t="s">
        <v>679</v>
      </c>
    </row>
    <row r="820" spans="1:6" ht="60.75" thickTop="1" x14ac:dyDescent="0.25">
      <c r="A820" s="25" t="s">
        <v>1278</v>
      </c>
      <c r="B820" s="26" t="s">
        <v>1346</v>
      </c>
      <c r="C820" s="27" t="s">
        <v>112</v>
      </c>
      <c r="D820" s="27" t="s">
        <v>1347</v>
      </c>
      <c r="E820" s="27" t="s">
        <v>1348</v>
      </c>
      <c r="F820" s="16" t="s">
        <v>679</v>
      </c>
    </row>
    <row r="821" spans="1:6" ht="48" x14ac:dyDescent="0.25">
      <c r="A821" s="15" t="s">
        <v>1278</v>
      </c>
      <c r="B821" s="20" t="s">
        <v>1346</v>
      </c>
      <c r="C821" s="16" t="s">
        <v>337</v>
      </c>
      <c r="D821" s="16" t="s">
        <v>1349</v>
      </c>
      <c r="E821" s="16" t="s">
        <v>1350</v>
      </c>
      <c r="F821" s="16" t="s">
        <v>679</v>
      </c>
    </row>
    <row r="822" spans="1:6" ht="36" x14ac:dyDescent="0.25">
      <c r="A822" s="15" t="s">
        <v>1278</v>
      </c>
      <c r="B822" s="20" t="s">
        <v>1346</v>
      </c>
      <c r="C822" s="16" t="s">
        <v>415</v>
      </c>
      <c r="D822" s="16" t="s">
        <v>1351</v>
      </c>
      <c r="E822" s="16" t="s">
        <v>1352</v>
      </c>
      <c r="F822" s="16" t="s">
        <v>679</v>
      </c>
    </row>
    <row r="823" spans="1:6" ht="24.75" thickBot="1" x14ac:dyDescent="0.3">
      <c r="A823" s="22" t="s">
        <v>1278</v>
      </c>
      <c r="B823" s="23" t="s">
        <v>1346</v>
      </c>
      <c r="C823" s="24" t="s">
        <v>101</v>
      </c>
      <c r="D823" s="24" t="s">
        <v>1353</v>
      </c>
      <c r="E823" s="24" t="s">
        <v>1354</v>
      </c>
      <c r="F823" s="16" t="s">
        <v>679</v>
      </c>
    </row>
    <row r="824" spans="1:6" ht="36.75" thickTop="1" x14ac:dyDescent="0.25">
      <c r="A824" s="25" t="s">
        <v>1279</v>
      </c>
      <c r="B824" s="26" t="s">
        <v>1355</v>
      </c>
      <c r="C824" s="27">
        <v>1</v>
      </c>
      <c r="D824" s="27" t="s">
        <v>1356</v>
      </c>
      <c r="E824" s="27"/>
      <c r="F824" s="16" t="s">
        <v>679</v>
      </c>
    </row>
    <row r="825" spans="1:6" ht="96" x14ac:dyDescent="0.25">
      <c r="A825" s="15" t="s">
        <v>1279</v>
      </c>
      <c r="B825" s="20" t="s">
        <v>1355</v>
      </c>
      <c r="C825" s="16">
        <v>2</v>
      </c>
      <c r="D825" s="16" t="s">
        <v>1357</v>
      </c>
      <c r="E825" s="16"/>
      <c r="F825" s="16" t="s">
        <v>679</v>
      </c>
    </row>
    <row r="826" spans="1:6" ht="96" x14ac:dyDescent="0.25">
      <c r="A826" s="15" t="s">
        <v>1279</v>
      </c>
      <c r="B826" s="20" t="s">
        <v>1355</v>
      </c>
      <c r="C826" s="16">
        <v>3</v>
      </c>
      <c r="D826" s="16" t="s">
        <v>1358</v>
      </c>
      <c r="E826" s="16"/>
      <c r="F826" s="16" t="s">
        <v>679</v>
      </c>
    </row>
    <row r="827" spans="1:6" ht="72" x14ac:dyDescent="0.25">
      <c r="A827" s="15" t="s">
        <v>1279</v>
      </c>
      <c r="B827" s="20" t="s">
        <v>1355</v>
      </c>
      <c r="C827" s="16">
        <v>4</v>
      </c>
      <c r="D827" s="16" t="s">
        <v>1359</v>
      </c>
      <c r="E827" s="16"/>
      <c r="F827" s="16" t="s">
        <v>679</v>
      </c>
    </row>
    <row r="828" spans="1:6" ht="120" x14ac:dyDescent="0.25">
      <c r="A828" s="15" t="s">
        <v>1279</v>
      </c>
      <c r="B828" s="20" t="s">
        <v>1355</v>
      </c>
      <c r="C828" s="16">
        <v>5</v>
      </c>
      <c r="D828" s="16" t="s">
        <v>1360</v>
      </c>
      <c r="E828" s="16"/>
      <c r="F828" s="16" t="s">
        <v>679</v>
      </c>
    </row>
    <row r="829" spans="1:6" ht="60.75" thickBot="1" x14ac:dyDescent="0.3">
      <c r="A829" s="22" t="s">
        <v>1279</v>
      </c>
      <c r="B829" s="23" t="s">
        <v>1355</v>
      </c>
      <c r="C829" s="24">
        <v>6</v>
      </c>
      <c r="D829" s="24" t="s">
        <v>1361</v>
      </c>
      <c r="E829" s="24"/>
      <c r="F829" s="16" t="s">
        <v>679</v>
      </c>
    </row>
    <row r="830" spans="1:6" ht="24.75" thickTop="1" x14ac:dyDescent="0.25">
      <c r="A830" s="25" t="s">
        <v>1280</v>
      </c>
      <c r="B830" s="26" t="s">
        <v>1362</v>
      </c>
      <c r="C830" s="27" t="s">
        <v>1363</v>
      </c>
      <c r="D830" s="27" t="s">
        <v>1364</v>
      </c>
      <c r="E830" s="27"/>
      <c r="F830" s="16" t="s">
        <v>679</v>
      </c>
    </row>
    <row r="831" spans="1:6" ht="36" x14ac:dyDescent="0.25">
      <c r="A831" s="15" t="s">
        <v>1280</v>
      </c>
      <c r="B831" s="20" t="s">
        <v>1362</v>
      </c>
      <c r="C831" s="16" t="s">
        <v>1365</v>
      </c>
      <c r="D831" s="16" t="s">
        <v>1366</v>
      </c>
      <c r="E831" s="16"/>
      <c r="F831" s="16" t="s">
        <v>679</v>
      </c>
    </row>
    <row r="832" spans="1:6" ht="60" x14ac:dyDescent="0.25">
      <c r="A832" s="15" t="s">
        <v>1280</v>
      </c>
      <c r="B832" s="20" t="s">
        <v>1362</v>
      </c>
      <c r="C832" s="16" t="s">
        <v>1367</v>
      </c>
      <c r="D832" s="16" t="s">
        <v>1368</v>
      </c>
      <c r="E832" s="16"/>
      <c r="F832" s="16" t="s">
        <v>679</v>
      </c>
    </row>
    <row r="833" spans="1:6" ht="48" x14ac:dyDescent="0.25">
      <c r="A833" s="15" t="s">
        <v>1280</v>
      </c>
      <c r="B833" s="20" t="s">
        <v>1362</v>
      </c>
      <c r="C833" s="16" t="s">
        <v>1369</v>
      </c>
      <c r="D833" s="16" t="s">
        <v>1370</v>
      </c>
      <c r="E833" s="16"/>
      <c r="F833" s="16" t="s">
        <v>679</v>
      </c>
    </row>
    <row r="834" spans="1:6" ht="72" x14ac:dyDescent="0.25">
      <c r="A834" s="15" t="s">
        <v>1280</v>
      </c>
      <c r="B834" s="20" t="s">
        <v>1362</v>
      </c>
      <c r="C834" s="16" t="s">
        <v>1371</v>
      </c>
      <c r="D834" s="16" t="s">
        <v>1372</v>
      </c>
      <c r="E834" s="16"/>
      <c r="F834" s="16" t="s">
        <v>679</v>
      </c>
    </row>
    <row r="835" spans="1:6" ht="36" x14ac:dyDescent="0.25">
      <c r="A835" s="15" t="s">
        <v>1280</v>
      </c>
      <c r="B835" s="20" t="s">
        <v>1362</v>
      </c>
      <c r="C835" s="16" t="s">
        <v>1373</v>
      </c>
      <c r="D835" s="16" t="s">
        <v>1374</v>
      </c>
      <c r="E835" s="16"/>
      <c r="F835" s="16" t="s">
        <v>679</v>
      </c>
    </row>
    <row r="836" spans="1:6" ht="48" x14ac:dyDescent="0.25">
      <c r="A836" s="15" t="s">
        <v>1280</v>
      </c>
      <c r="B836" s="20" t="s">
        <v>1362</v>
      </c>
      <c r="C836" s="16" t="s">
        <v>1375</v>
      </c>
      <c r="D836" s="16" t="s">
        <v>1376</v>
      </c>
      <c r="E836" s="16"/>
      <c r="F836" s="16" t="s">
        <v>679</v>
      </c>
    </row>
    <row r="837" spans="1:6" ht="24" x14ac:dyDescent="0.25">
      <c r="A837" s="15" t="s">
        <v>1280</v>
      </c>
      <c r="B837" s="20" t="s">
        <v>1362</v>
      </c>
      <c r="C837" s="16" t="s">
        <v>1377</v>
      </c>
      <c r="D837" s="16" t="s">
        <v>1378</v>
      </c>
      <c r="E837" s="16"/>
      <c r="F837" s="16" t="s">
        <v>679</v>
      </c>
    </row>
    <row r="838" spans="1:6" ht="24" x14ac:dyDescent="0.25">
      <c r="A838" s="15" t="s">
        <v>1280</v>
      </c>
      <c r="B838" s="20" t="s">
        <v>1362</v>
      </c>
      <c r="C838" s="16" t="s">
        <v>1379</v>
      </c>
      <c r="D838" s="16" t="s">
        <v>1380</v>
      </c>
      <c r="E838" s="16"/>
      <c r="F838" s="16" t="s">
        <v>679</v>
      </c>
    </row>
    <row r="839" spans="1:6" ht="36" x14ac:dyDescent="0.25">
      <c r="A839" s="15" t="s">
        <v>1280</v>
      </c>
      <c r="B839" s="20" t="s">
        <v>1362</v>
      </c>
      <c r="C839" s="16" t="s">
        <v>1381</v>
      </c>
      <c r="D839" s="16" t="s">
        <v>1382</v>
      </c>
      <c r="E839" s="16"/>
      <c r="F839" s="16" t="s">
        <v>679</v>
      </c>
    </row>
    <row r="840" spans="1:6" ht="72" x14ac:dyDescent="0.25">
      <c r="A840" s="15" t="s">
        <v>1280</v>
      </c>
      <c r="B840" s="20" t="s">
        <v>1362</v>
      </c>
      <c r="C840" s="16" t="s">
        <v>1383</v>
      </c>
      <c r="D840" s="16" t="s">
        <v>1384</v>
      </c>
      <c r="E840" s="16"/>
      <c r="F840" s="16" t="s">
        <v>679</v>
      </c>
    </row>
    <row r="841" spans="1:6" ht="72" x14ac:dyDescent="0.25">
      <c r="A841" s="15" t="s">
        <v>1280</v>
      </c>
      <c r="B841" s="20" t="s">
        <v>1362</v>
      </c>
      <c r="C841" s="16" t="s">
        <v>1385</v>
      </c>
      <c r="D841" s="16" t="s">
        <v>1386</v>
      </c>
      <c r="E841" s="16"/>
      <c r="F841" s="16" t="s">
        <v>679</v>
      </c>
    </row>
    <row r="842" spans="1:6" ht="60" x14ac:dyDescent="0.25">
      <c r="A842" s="15" t="s">
        <v>1280</v>
      </c>
      <c r="B842" s="20" t="s">
        <v>1362</v>
      </c>
      <c r="C842" s="16" t="s">
        <v>1387</v>
      </c>
      <c r="D842" s="16" t="s">
        <v>1388</v>
      </c>
      <c r="E842" s="16"/>
      <c r="F842" s="16" t="s">
        <v>679</v>
      </c>
    </row>
    <row r="843" spans="1:6" ht="72" x14ac:dyDescent="0.25">
      <c r="A843" s="15" t="s">
        <v>1280</v>
      </c>
      <c r="B843" s="20" t="s">
        <v>1362</v>
      </c>
      <c r="C843" s="16" t="s">
        <v>1389</v>
      </c>
      <c r="D843" s="16" t="s">
        <v>1390</v>
      </c>
      <c r="E843" s="16"/>
      <c r="F843" s="16" t="s">
        <v>679</v>
      </c>
    </row>
    <row r="844" spans="1:6" ht="60.75" thickBot="1" x14ac:dyDescent="0.3">
      <c r="A844" s="22" t="s">
        <v>1280</v>
      </c>
      <c r="B844" s="23" t="s">
        <v>1362</v>
      </c>
      <c r="C844" s="24" t="s">
        <v>1391</v>
      </c>
      <c r="D844" s="24" t="s">
        <v>1392</v>
      </c>
      <c r="E844" s="24"/>
      <c r="F844" s="16" t="s">
        <v>679</v>
      </c>
    </row>
    <row r="845" spans="1:6" ht="24.75" thickTop="1" x14ac:dyDescent="0.25">
      <c r="A845" s="25" t="s">
        <v>1281</v>
      </c>
      <c r="B845" s="26" t="s">
        <v>1393</v>
      </c>
      <c r="C845" s="27">
        <v>1</v>
      </c>
      <c r="D845" s="27" t="s">
        <v>1394</v>
      </c>
      <c r="E845" s="27"/>
      <c r="F845" s="16" t="s">
        <v>679</v>
      </c>
    </row>
    <row r="846" spans="1:6" ht="36" x14ac:dyDescent="0.25">
      <c r="A846" s="15" t="s">
        <v>1281</v>
      </c>
      <c r="B846" s="20" t="s">
        <v>1393</v>
      </c>
      <c r="C846" s="16">
        <v>2</v>
      </c>
      <c r="D846" s="16" t="s">
        <v>1395</v>
      </c>
      <c r="E846" s="16"/>
      <c r="F846" s="16" t="s">
        <v>679</v>
      </c>
    </row>
    <row r="847" spans="1:6" ht="72" x14ac:dyDescent="0.25">
      <c r="A847" s="15" t="s">
        <v>1281</v>
      </c>
      <c r="B847" s="20" t="s">
        <v>1393</v>
      </c>
      <c r="C847" s="16">
        <v>3</v>
      </c>
      <c r="D847" s="16" t="s">
        <v>1396</v>
      </c>
      <c r="E847" s="16"/>
      <c r="F847" s="16" t="s">
        <v>679</v>
      </c>
    </row>
    <row r="848" spans="1:6" ht="48" x14ac:dyDescent="0.25">
      <c r="A848" s="15" t="s">
        <v>1281</v>
      </c>
      <c r="B848" s="20" t="s">
        <v>1393</v>
      </c>
      <c r="C848" s="16">
        <v>4</v>
      </c>
      <c r="D848" s="16" t="s">
        <v>1397</v>
      </c>
      <c r="E848" s="16"/>
      <c r="F848" s="16" t="s">
        <v>679</v>
      </c>
    </row>
    <row r="849" spans="1:6" ht="48" x14ac:dyDescent="0.25">
      <c r="A849" s="15" t="s">
        <v>1281</v>
      </c>
      <c r="B849" s="20" t="s">
        <v>1393</v>
      </c>
      <c r="C849" s="16">
        <v>5</v>
      </c>
      <c r="D849" s="16" t="s">
        <v>1398</v>
      </c>
      <c r="E849" s="16"/>
      <c r="F849" s="16" t="s">
        <v>679</v>
      </c>
    </row>
    <row r="850" spans="1:6" ht="36" x14ac:dyDescent="0.25">
      <c r="A850" s="15" t="s">
        <v>1281</v>
      </c>
      <c r="B850" s="20" t="s">
        <v>1393</v>
      </c>
      <c r="C850" s="16">
        <v>6</v>
      </c>
      <c r="D850" s="16" t="s">
        <v>1399</v>
      </c>
      <c r="E850" s="16"/>
      <c r="F850" s="16" t="s">
        <v>679</v>
      </c>
    </row>
    <row r="851" spans="1:6" ht="24.75" thickBot="1" x14ac:dyDescent="0.3">
      <c r="A851" s="22" t="s">
        <v>1281</v>
      </c>
      <c r="B851" s="23" t="s">
        <v>1393</v>
      </c>
      <c r="C851" s="24">
        <v>7</v>
      </c>
      <c r="D851" s="24" t="s">
        <v>1400</v>
      </c>
      <c r="E851" s="24"/>
      <c r="F851" s="16" t="s">
        <v>679</v>
      </c>
    </row>
    <row r="852" spans="1:6" ht="24.75" thickTop="1" x14ac:dyDescent="0.25">
      <c r="A852" s="25" t="s">
        <v>1282</v>
      </c>
      <c r="B852" s="26" t="s">
        <v>1401</v>
      </c>
      <c r="C852" s="27">
        <v>0</v>
      </c>
      <c r="D852" s="27" t="s">
        <v>1402</v>
      </c>
      <c r="E852" s="27"/>
      <c r="F852" s="16" t="s">
        <v>679</v>
      </c>
    </row>
    <row r="853" spans="1:6" ht="24" x14ac:dyDescent="0.25">
      <c r="A853" s="15" t="s">
        <v>1282</v>
      </c>
      <c r="B853" s="20" t="s">
        <v>1401</v>
      </c>
      <c r="C853" s="16">
        <v>1</v>
      </c>
      <c r="D853" s="16" t="s">
        <v>1403</v>
      </c>
      <c r="E853" s="16"/>
      <c r="F853" s="16" t="s">
        <v>679</v>
      </c>
    </row>
    <row r="854" spans="1:6" ht="24" x14ac:dyDescent="0.25">
      <c r="A854" s="15" t="s">
        <v>1282</v>
      </c>
      <c r="B854" s="20" t="s">
        <v>1401</v>
      </c>
      <c r="C854" s="16">
        <v>2</v>
      </c>
      <c r="D854" s="16" t="s">
        <v>1404</v>
      </c>
      <c r="E854" s="16"/>
      <c r="F854" s="16" t="s">
        <v>679</v>
      </c>
    </row>
    <row r="855" spans="1:6" ht="24" x14ac:dyDescent="0.25">
      <c r="A855" s="15" t="s">
        <v>1282</v>
      </c>
      <c r="B855" s="20" t="s">
        <v>1401</v>
      </c>
      <c r="C855" s="16">
        <v>3</v>
      </c>
      <c r="D855" s="16" t="s">
        <v>1405</v>
      </c>
      <c r="E855" s="16"/>
      <c r="F855" s="16" t="s">
        <v>679</v>
      </c>
    </row>
    <row r="856" spans="1:6" ht="24.75" thickBot="1" x14ac:dyDescent="0.3">
      <c r="A856" s="22" t="s">
        <v>1282</v>
      </c>
      <c r="B856" s="23" t="s">
        <v>1401</v>
      </c>
      <c r="C856" s="24">
        <v>4</v>
      </c>
      <c r="D856" s="24" t="s">
        <v>1406</v>
      </c>
      <c r="E856" s="24"/>
      <c r="F856" s="16" t="s">
        <v>679</v>
      </c>
    </row>
    <row r="857" spans="1:6" ht="24.75" thickTop="1" x14ac:dyDescent="0.25">
      <c r="A857" s="25" t="s">
        <v>1283</v>
      </c>
      <c r="B857" s="26" t="s">
        <v>1407</v>
      </c>
      <c r="C857" s="27" t="s">
        <v>425</v>
      </c>
      <c r="D857" s="27" t="s">
        <v>537</v>
      </c>
      <c r="E857" s="27"/>
      <c r="F857" s="16" t="s">
        <v>679</v>
      </c>
    </row>
    <row r="858" spans="1:6" ht="24.75" thickBot="1" x14ac:dyDescent="0.3">
      <c r="A858" s="22" t="s">
        <v>1283</v>
      </c>
      <c r="B858" s="23" t="s">
        <v>1407</v>
      </c>
      <c r="C858" s="24" t="s">
        <v>423</v>
      </c>
      <c r="D858" s="24" t="s">
        <v>1408</v>
      </c>
      <c r="E858" s="24"/>
      <c r="F858" s="16" t="s">
        <v>679</v>
      </c>
    </row>
    <row r="859" spans="1:6" ht="132.75" thickTop="1" x14ac:dyDescent="0.25">
      <c r="A859" s="25" t="s">
        <v>1284</v>
      </c>
      <c r="B859" s="26" t="s">
        <v>1409</v>
      </c>
      <c r="C859" s="27">
        <v>0</v>
      </c>
      <c r="D859" s="27">
        <v>0</v>
      </c>
      <c r="E859" s="27" t="s">
        <v>1410</v>
      </c>
      <c r="F859" s="16" t="s">
        <v>679</v>
      </c>
    </row>
    <row r="860" spans="1:6" ht="132" x14ac:dyDescent="0.25">
      <c r="A860" s="15" t="s">
        <v>1284</v>
      </c>
      <c r="B860" s="20" t="s">
        <v>1409</v>
      </c>
      <c r="C860" s="16">
        <v>1</v>
      </c>
      <c r="D860" s="16" t="s">
        <v>1411</v>
      </c>
      <c r="E860" s="16" t="s">
        <v>1412</v>
      </c>
      <c r="F860" s="16" t="s">
        <v>679</v>
      </c>
    </row>
    <row r="861" spans="1:6" ht="132" x14ac:dyDescent="0.25">
      <c r="A861" s="15" t="s">
        <v>1284</v>
      </c>
      <c r="B861" s="20" t="s">
        <v>1409</v>
      </c>
      <c r="C861" s="16">
        <v>2</v>
      </c>
      <c r="D861" s="16" t="s">
        <v>1413</v>
      </c>
      <c r="E861" s="16" t="s">
        <v>1414</v>
      </c>
      <c r="F861" s="16" t="s">
        <v>679</v>
      </c>
    </row>
    <row r="862" spans="1:6" ht="132" x14ac:dyDescent="0.25">
      <c r="A862" s="15" t="s">
        <v>1284</v>
      </c>
      <c r="B862" s="20" t="s">
        <v>1409</v>
      </c>
      <c r="C862" s="16">
        <v>3</v>
      </c>
      <c r="D862" s="16" t="s">
        <v>1415</v>
      </c>
      <c r="E862" s="16" t="s">
        <v>1416</v>
      </c>
      <c r="F862" s="16" t="s">
        <v>679</v>
      </c>
    </row>
    <row r="863" spans="1:6" ht="132" x14ac:dyDescent="0.25">
      <c r="A863" s="15" t="s">
        <v>1284</v>
      </c>
      <c r="B863" s="20" t="s">
        <v>1409</v>
      </c>
      <c r="C863" s="16">
        <v>4</v>
      </c>
      <c r="D863" s="16" t="s">
        <v>1417</v>
      </c>
      <c r="E863" s="16" t="s">
        <v>1418</v>
      </c>
      <c r="F863" s="16" t="s">
        <v>679</v>
      </c>
    </row>
    <row r="864" spans="1:6" ht="132.75" thickBot="1" x14ac:dyDescent="0.3">
      <c r="A864" s="22" t="s">
        <v>1284</v>
      </c>
      <c r="B864" s="23" t="s">
        <v>1409</v>
      </c>
      <c r="C864" s="24">
        <v>5</v>
      </c>
      <c r="D864" s="24" t="s">
        <v>1419</v>
      </c>
      <c r="E864" s="24" t="s">
        <v>1420</v>
      </c>
      <c r="F864" s="16" t="s">
        <v>679</v>
      </c>
    </row>
    <row r="865" spans="1:6" ht="24.75" thickTop="1" x14ac:dyDescent="0.25">
      <c r="A865" s="25" t="s">
        <v>1285</v>
      </c>
      <c r="B865" s="26" t="s">
        <v>1421</v>
      </c>
      <c r="C865" s="27">
        <v>0</v>
      </c>
      <c r="D865" s="27" t="s">
        <v>1402</v>
      </c>
      <c r="E865" s="27"/>
      <c r="F865" s="16" t="s">
        <v>679</v>
      </c>
    </row>
    <row r="866" spans="1:6" ht="24" x14ac:dyDescent="0.25">
      <c r="A866" s="15" t="s">
        <v>1285</v>
      </c>
      <c r="B866" s="20" t="s">
        <v>1421</v>
      </c>
      <c r="C866" s="16">
        <v>1</v>
      </c>
      <c r="D866" s="16" t="s">
        <v>1422</v>
      </c>
      <c r="E866" s="16"/>
      <c r="F866" s="16" t="s">
        <v>679</v>
      </c>
    </row>
    <row r="867" spans="1:6" ht="24.75" thickBot="1" x14ac:dyDescent="0.3">
      <c r="A867" s="22" t="s">
        <v>1285</v>
      </c>
      <c r="B867" s="23" t="s">
        <v>1421</v>
      </c>
      <c r="C867" s="24">
        <v>2</v>
      </c>
      <c r="D867" s="24" t="s">
        <v>1423</v>
      </c>
      <c r="E867" s="24"/>
      <c r="F867" s="16" t="s">
        <v>679</v>
      </c>
    </row>
    <row r="868" spans="1:6" ht="24.75" thickTop="1" x14ac:dyDescent="0.25">
      <c r="A868" s="25" t="s">
        <v>1286</v>
      </c>
      <c r="B868" s="26" t="s">
        <v>1424</v>
      </c>
      <c r="C868" s="27">
        <v>0</v>
      </c>
      <c r="D868" s="27" t="s">
        <v>1402</v>
      </c>
      <c r="E868" s="27"/>
      <c r="F868" s="16" t="s">
        <v>679</v>
      </c>
    </row>
    <row r="869" spans="1:6" ht="24" x14ac:dyDescent="0.25">
      <c r="A869" s="15" t="s">
        <v>1286</v>
      </c>
      <c r="B869" s="20" t="s">
        <v>1424</v>
      </c>
      <c r="C869" s="16">
        <v>1</v>
      </c>
      <c r="D869" s="16" t="s">
        <v>1422</v>
      </c>
      <c r="E869" s="16"/>
      <c r="F869" s="16" t="s">
        <v>679</v>
      </c>
    </row>
    <row r="870" spans="1:6" ht="24.75" thickBot="1" x14ac:dyDescent="0.3">
      <c r="A870" s="22" t="s">
        <v>1286</v>
      </c>
      <c r="B870" s="23" t="s">
        <v>1424</v>
      </c>
      <c r="C870" s="24">
        <v>2</v>
      </c>
      <c r="D870" s="24" t="s">
        <v>1423</v>
      </c>
      <c r="E870" s="24"/>
      <c r="F870" s="16" t="s">
        <v>679</v>
      </c>
    </row>
    <row r="871" spans="1:6" ht="24.75" thickTop="1" x14ac:dyDescent="0.25">
      <c r="A871" s="25" t="s">
        <v>1287</v>
      </c>
      <c r="B871" s="26" t="s">
        <v>1425</v>
      </c>
      <c r="C871" s="27">
        <v>0</v>
      </c>
      <c r="D871" s="27" t="s">
        <v>1402</v>
      </c>
      <c r="E871" s="27"/>
      <c r="F871" s="16" t="s">
        <v>679</v>
      </c>
    </row>
    <row r="872" spans="1:6" ht="24" x14ac:dyDescent="0.25">
      <c r="A872" s="15" t="s">
        <v>1287</v>
      </c>
      <c r="B872" s="20" t="s">
        <v>1425</v>
      </c>
      <c r="C872" s="16">
        <v>1</v>
      </c>
      <c r="D872" s="16" t="s">
        <v>1422</v>
      </c>
      <c r="E872" s="16"/>
      <c r="F872" s="16" t="s">
        <v>679</v>
      </c>
    </row>
    <row r="873" spans="1:6" ht="24.75" thickBot="1" x14ac:dyDescent="0.3">
      <c r="A873" s="22" t="s">
        <v>1287</v>
      </c>
      <c r="B873" s="23" t="s">
        <v>1425</v>
      </c>
      <c r="C873" s="24">
        <v>2</v>
      </c>
      <c r="D873" s="24" t="s">
        <v>1423</v>
      </c>
      <c r="E873" s="24"/>
      <c r="F873" s="16" t="s">
        <v>679</v>
      </c>
    </row>
    <row r="874" spans="1:6" ht="12.75" thickTop="1" x14ac:dyDescent="0.25">
      <c r="A874" s="32"/>
      <c r="B874" s="33"/>
      <c r="C874" s="34"/>
      <c r="D874" s="34"/>
      <c r="E874" s="34"/>
    </row>
  </sheetData>
  <autoFilter ref="A1:F873" xr:uid="{106772E4-0E93-403A-95C7-4A1A4EB81581}"/>
  <pageMargins left="0.23622047244094502" right="0.23622047244094502" top="0.74803149606299202" bottom="0.74803149606299202" header="0.31496062992126" footer="0.31496062992126"/>
  <pageSetup orientation="portrait" r:id="rId1"/>
  <headerFooter>
    <oddHeader>&amp;CPage &amp;P of &amp;N</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6"/>
  <dimension ref="A1:E2"/>
  <sheetViews>
    <sheetView workbookViewId="0">
      <pane ySplit="1" topLeftCell="A2" activePane="bottomLeft" state="frozen"/>
      <selection pane="bottomLeft" activeCell="A2" sqref="A2"/>
    </sheetView>
  </sheetViews>
  <sheetFormatPr defaultRowHeight="12.75" x14ac:dyDescent="0.2"/>
  <cols>
    <col min="1" max="1" width="25.7109375" style="2" customWidth="1"/>
    <col min="2" max="2" width="25.7109375" style="8" customWidth="1"/>
    <col min="3" max="5" width="25.7109375" style="2" customWidth="1"/>
    <col min="6" max="16384" width="9.140625" style="2"/>
  </cols>
  <sheetData>
    <row r="1" spans="1:5" s="7" customFormat="1" ht="39.950000000000003" customHeight="1" x14ac:dyDescent="0.2">
      <c r="A1" s="9" t="s">
        <v>1263</v>
      </c>
      <c r="B1" s="10" t="s">
        <v>1262</v>
      </c>
      <c r="C1" s="9" t="s">
        <v>1261</v>
      </c>
      <c r="D1" s="9" t="s">
        <v>1260</v>
      </c>
      <c r="E1" s="9" t="s">
        <v>1259</v>
      </c>
    </row>
    <row r="2" spans="1:5" x14ac:dyDescent="0.2">
      <c r="A2" s="2" t="s">
        <v>1264</v>
      </c>
      <c r="B2" s="8" t="s">
        <v>1265</v>
      </c>
      <c r="C2" s="2" t="s">
        <v>1266</v>
      </c>
      <c r="D2" s="2" t="s">
        <v>1267</v>
      </c>
      <c r="E2" s="2" t="s">
        <v>1268</v>
      </c>
    </row>
  </sheetData>
  <autoFilter ref="A1:E2" xr:uid="{00000000-0009-0000-0000-000006000000}"/>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1</vt:i4>
      </vt:variant>
    </vt:vector>
  </HeadingPairs>
  <TitlesOfParts>
    <vt:vector size="9" baseType="lpstr">
      <vt:lpstr>Project Information</vt:lpstr>
      <vt:lpstr>Sample Station Information</vt:lpstr>
      <vt:lpstr>Bird Nest Descriptions</vt:lpstr>
      <vt:lpstr>Tree Descriptions</vt:lpstr>
      <vt:lpstr>Site &amp; Incidental Observations</vt:lpstr>
      <vt:lpstr>Predefined Columns and Codes</vt:lpstr>
      <vt:lpstr>User-defined Columns and Codes</vt:lpstr>
      <vt:lpstr>tempUserValuesPicklists</vt:lpstr>
      <vt:lpstr>'Predefined Columns and Codes'!Print_Titles</vt:lpstr>
    </vt:vector>
  </TitlesOfParts>
  <Company>Province of British Columbi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urvey Data Template</dc:title>
  <dc:creator>WSI Business Area - 20-Feb-2020</dc:creator>
  <cp:lastModifiedBy>Tolkamp, Calvin  ENV:EX</cp:lastModifiedBy>
  <dcterms:created xsi:type="dcterms:W3CDTF">2020-02-20T19:25:20Z</dcterms:created>
  <dcterms:modified xsi:type="dcterms:W3CDTF">2021-11-17T19:07:35Z</dcterms:modified>
</cp:coreProperties>
</file>